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2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tags/tag2.xml" ContentType="application/vnd.openxmlformats-officedocument.presentationml.tags+xml"/>
  <Override PartName="/ppt/notesSlides/notesSlide1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0"/>
    <p:sldMasterId id="2147483767" r:id="rId11"/>
    <p:sldMasterId id="2147483706" r:id="rId12"/>
  </p:sldMasterIdLst>
  <p:notesMasterIdLst>
    <p:notesMasterId r:id="rId34"/>
  </p:notesMasterIdLst>
  <p:handoutMasterIdLst>
    <p:handoutMasterId r:id="rId35"/>
  </p:handoutMasterIdLst>
  <p:sldIdLst>
    <p:sldId id="272" r:id="rId13"/>
    <p:sldId id="2147197270" r:id="rId14"/>
    <p:sldId id="332" r:id="rId15"/>
    <p:sldId id="2147197255" r:id="rId16"/>
    <p:sldId id="2147197257" r:id="rId17"/>
    <p:sldId id="2147197271" r:id="rId18"/>
    <p:sldId id="2147197260" r:id="rId19"/>
    <p:sldId id="2147197261" r:id="rId20"/>
    <p:sldId id="333" r:id="rId21"/>
    <p:sldId id="2147197272" r:id="rId22"/>
    <p:sldId id="281" r:id="rId23"/>
    <p:sldId id="2147197262" r:id="rId24"/>
    <p:sldId id="2147197263" r:id="rId25"/>
    <p:sldId id="280" r:id="rId26"/>
    <p:sldId id="337" r:id="rId27"/>
    <p:sldId id="2147197267" r:id="rId28"/>
    <p:sldId id="277" r:id="rId29"/>
    <p:sldId id="2147197269" r:id="rId30"/>
    <p:sldId id="2147197268" r:id="rId31"/>
    <p:sldId id="335" r:id="rId32"/>
    <p:sldId id="271" r:id="rId33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B978"/>
    <a:srgbClr val="CDFAE1"/>
    <a:srgbClr val="EFCC61"/>
    <a:srgbClr val="DB8784"/>
    <a:srgbClr val="EAD7A0"/>
    <a:srgbClr val="DE9D9B"/>
    <a:srgbClr val="BB7FA8"/>
    <a:srgbClr val="003C65"/>
    <a:srgbClr val="FFFFFF"/>
    <a:srgbClr val="00BD7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4EE2BBF-E6B8-4842-AE48-786E274FD108}" v="4595" dt="2024-09-02T10:45:09.497"/>
  </p1510:revLst>
</p1510:revInfo>
</file>

<file path=ppt/tableStyles.xml><?xml version="1.0" encoding="utf-8"?>
<a:tblStyleLst xmlns:a="http://schemas.openxmlformats.org/drawingml/2006/main" def="{5C22544A-7EE6-4342-B048-85BDC9FD1C3A}"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368" autoAdjust="0"/>
    <p:restoredTop sz="87315" autoAdjust="0"/>
  </p:normalViewPr>
  <p:slideViewPr>
    <p:cSldViewPr snapToGrid="0">
      <p:cViewPr>
        <p:scale>
          <a:sx n="80" d="100"/>
          <a:sy n="80" d="100"/>
        </p:scale>
        <p:origin x="1266" y="76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90" d="100"/>
        <a:sy n="90" d="100"/>
      </p:scale>
      <p:origin x="0" y="-1200"/>
    </p:cViewPr>
  </p:sorterViewPr>
  <p:notesViewPr>
    <p:cSldViewPr snapToGrid="0">
      <p:cViewPr varScale="1">
        <p:scale>
          <a:sx n="94" d="100"/>
          <a:sy n="94" d="100"/>
        </p:scale>
        <p:origin x="4040" y="2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slide" Target="slides/slide14.xml"/><Relationship Id="rId39" Type="http://schemas.openxmlformats.org/officeDocument/2006/relationships/tableStyles" Target="tableStyles.xml"/><Relationship Id="rId21" Type="http://schemas.openxmlformats.org/officeDocument/2006/relationships/slide" Target="slides/slide9.xml"/><Relationship Id="rId34" Type="http://schemas.openxmlformats.org/officeDocument/2006/relationships/notesMaster" Target="notesMasters/notesMaster1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4.xml"/><Relationship Id="rId20" Type="http://schemas.openxmlformats.org/officeDocument/2006/relationships/slide" Target="slides/slide8.xml"/><Relationship Id="rId29" Type="http://schemas.openxmlformats.org/officeDocument/2006/relationships/slide" Target="slides/slide17.xml"/><Relationship Id="rId41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2.xml"/><Relationship Id="rId24" Type="http://schemas.openxmlformats.org/officeDocument/2006/relationships/slide" Target="slides/slide12.xml"/><Relationship Id="rId32" Type="http://schemas.openxmlformats.org/officeDocument/2006/relationships/slide" Target="slides/slide20.xml"/><Relationship Id="rId37" Type="http://schemas.openxmlformats.org/officeDocument/2006/relationships/viewProps" Target="viewProps.xml"/><Relationship Id="rId40" Type="http://schemas.microsoft.com/office/2016/11/relationships/changesInfo" Target="changesInfos/changesInfo1.xml"/><Relationship Id="rId5" Type="http://schemas.openxmlformats.org/officeDocument/2006/relationships/customXml" Target="../customXml/item5.xml"/><Relationship Id="rId15" Type="http://schemas.openxmlformats.org/officeDocument/2006/relationships/slide" Target="slides/slide3.xml"/><Relationship Id="rId23" Type="http://schemas.openxmlformats.org/officeDocument/2006/relationships/slide" Target="slides/slide11.xml"/><Relationship Id="rId28" Type="http://schemas.openxmlformats.org/officeDocument/2006/relationships/slide" Target="slides/slide16.xml"/><Relationship Id="rId36" Type="http://schemas.openxmlformats.org/officeDocument/2006/relationships/presProps" Target="presProps.xml"/><Relationship Id="rId10" Type="http://schemas.openxmlformats.org/officeDocument/2006/relationships/slideMaster" Target="slideMasters/slideMaster1.xml"/><Relationship Id="rId19" Type="http://schemas.openxmlformats.org/officeDocument/2006/relationships/slide" Target="slides/slide7.xml"/><Relationship Id="rId31" Type="http://schemas.openxmlformats.org/officeDocument/2006/relationships/slide" Target="slides/slide19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2.xml"/><Relationship Id="rId22" Type="http://schemas.openxmlformats.org/officeDocument/2006/relationships/slide" Target="slides/slide10.xml"/><Relationship Id="rId27" Type="http://schemas.openxmlformats.org/officeDocument/2006/relationships/slide" Target="slides/slide15.xml"/><Relationship Id="rId30" Type="http://schemas.openxmlformats.org/officeDocument/2006/relationships/slide" Target="slides/slide18.xml"/><Relationship Id="rId35" Type="http://schemas.openxmlformats.org/officeDocument/2006/relationships/handoutMaster" Target="handoutMasters/handoutMaster1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3.xml"/><Relationship Id="rId17" Type="http://schemas.openxmlformats.org/officeDocument/2006/relationships/slide" Target="slides/slide5.xml"/><Relationship Id="rId25" Type="http://schemas.openxmlformats.org/officeDocument/2006/relationships/slide" Target="slides/slide13.xml"/><Relationship Id="rId33" Type="http://schemas.openxmlformats.org/officeDocument/2006/relationships/slide" Target="slides/slide21.xml"/><Relationship Id="rId38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jørn Henrik Hansen" userId="c3228015-c4cd-4dc5-8814-258534644551" providerId="ADAL" clId="{E4EE2BBF-E6B8-4842-AE48-786E274FD108}"/>
    <pc:docChg chg="undo custSel addSld delSld modSld sldOrd">
      <pc:chgData name="Bjørn Henrik Hansen" userId="c3228015-c4cd-4dc5-8814-258534644551" providerId="ADAL" clId="{E4EE2BBF-E6B8-4842-AE48-786E274FD108}" dt="2024-09-02T10:52:34.163" v="13443" actId="20577"/>
      <pc:docMkLst>
        <pc:docMk/>
      </pc:docMkLst>
      <pc:sldChg chg="delSp add del ord setBg delDesignElem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1766008289" sldId="259"/>
        </pc:sldMkLst>
        <pc:spChg chg="del">
          <ac:chgData name="Bjørn Henrik Hansen" userId="c3228015-c4cd-4dc5-8814-258534644551" providerId="ADAL" clId="{E4EE2BBF-E6B8-4842-AE48-786E274FD108}" dt="2024-08-30T06:52:13.292" v="3079"/>
          <ac:spMkLst>
            <pc:docMk/>
            <pc:sldMk cId="1766008289" sldId="259"/>
            <ac:spMk id="9" creationId="{42A5316D-ED2F-4F89-B4B4-8D9240B1A348}"/>
          </ac:spMkLst>
        </pc:spChg>
      </pc:sldChg>
      <pc:sldChg chg="add del ord">
        <pc:chgData name="Bjørn Henrik Hansen" userId="c3228015-c4cd-4dc5-8814-258534644551" providerId="ADAL" clId="{E4EE2BBF-E6B8-4842-AE48-786E274FD108}" dt="2024-09-01T20:13:10.582" v="12082" actId="47"/>
        <pc:sldMkLst>
          <pc:docMk/>
          <pc:sldMk cId="3109817869" sldId="262"/>
        </pc:sldMkLst>
      </pc:sldChg>
      <pc:sldChg chg="addSp delSp modSp add del mod ord setBg delDesignElem">
        <pc:chgData name="Bjørn Henrik Hansen" userId="c3228015-c4cd-4dc5-8814-258534644551" providerId="ADAL" clId="{E4EE2BBF-E6B8-4842-AE48-786E274FD108}" dt="2024-08-30T12:26:17.278" v="6218" actId="47"/>
        <pc:sldMkLst>
          <pc:docMk/>
          <pc:sldMk cId="617049567" sldId="263"/>
        </pc:sldMkLst>
        <pc:spChg chg="add mod">
          <ac:chgData name="Bjørn Henrik Hansen" userId="c3228015-c4cd-4dc5-8814-258534644551" providerId="ADAL" clId="{E4EE2BBF-E6B8-4842-AE48-786E274FD108}" dt="2024-08-30T10:50:49.876" v="6022"/>
          <ac:spMkLst>
            <pc:docMk/>
            <pc:sldMk cId="617049567" sldId="263"/>
            <ac:spMk id="3" creationId="{1B1F6A04-2868-EF15-1469-E00598F6B9E9}"/>
          </ac:spMkLst>
        </pc:spChg>
        <pc:spChg chg="del">
          <ac:chgData name="Bjørn Henrik Hansen" userId="c3228015-c4cd-4dc5-8814-258534644551" providerId="ADAL" clId="{E4EE2BBF-E6B8-4842-AE48-786E274FD108}" dt="2024-08-30T06:54:19.876" v="3083"/>
          <ac:spMkLst>
            <pc:docMk/>
            <pc:sldMk cId="617049567" sldId="263"/>
            <ac:spMk id="14" creationId="{1707FC24-6981-43D9-B525-C7832BA22463}"/>
          </ac:spMkLst>
        </pc:spChg>
        <pc:picChg chg="del">
          <ac:chgData name="Bjørn Henrik Hansen" userId="c3228015-c4cd-4dc5-8814-258534644551" providerId="ADAL" clId="{E4EE2BBF-E6B8-4842-AE48-786E274FD108}" dt="2024-08-30T10:07:44.354" v="5475" actId="21"/>
          <ac:picMkLst>
            <pc:docMk/>
            <pc:sldMk cId="617049567" sldId="263"/>
            <ac:picMk id="4" creationId="{9450131D-9E96-4794-9281-E0C2D6DE8423}"/>
          </ac:picMkLst>
        </pc:picChg>
        <pc:picChg chg="add mod">
          <ac:chgData name="Bjørn Henrik Hansen" userId="c3228015-c4cd-4dc5-8814-258534644551" providerId="ADAL" clId="{E4EE2BBF-E6B8-4842-AE48-786E274FD108}" dt="2024-08-30T10:53:34.009" v="6058" actId="14100"/>
          <ac:picMkLst>
            <pc:docMk/>
            <pc:sldMk cId="617049567" sldId="263"/>
            <ac:picMk id="5" creationId="{A8640073-CD09-C6BE-4D04-12D5693C7E82}"/>
          </ac:picMkLst>
        </pc:picChg>
        <pc:picChg chg="del">
          <ac:chgData name="Bjørn Henrik Hansen" userId="c3228015-c4cd-4dc5-8814-258534644551" providerId="ADAL" clId="{E4EE2BBF-E6B8-4842-AE48-786E274FD108}" dt="2024-08-30T10:07:44.354" v="5475" actId="21"/>
          <ac:picMkLst>
            <pc:docMk/>
            <pc:sldMk cId="617049567" sldId="263"/>
            <ac:picMk id="6" creationId="{D1635624-F4FB-46D1-B9A5-A77F06A866F4}"/>
          </ac:picMkLst>
        </pc:picChg>
      </pc:sldChg>
      <pc:sldChg chg="addSp delSp modSp add del mod setBg delDesignElem">
        <pc:chgData name="Bjørn Henrik Hansen" userId="c3228015-c4cd-4dc5-8814-258534644551" providerId="ADAL" clId="{E4EE2BBF-E6B8-4842-AE48-786E274FD108}" dt="2024-08-30T20:35:55.931" v="7120" actId="47"/>
        <pc:sldMkLst>
          <pc:docMk/>
          <pc:sldMk cId="3983331921" sldId="264"/>
        </pc:sldMkLst>
        <pc:spChg chg="add mod">
          <ac:chgData name="Bjørn Henrik Hansen" userId="c3228015-c4cd-4dc5-8814-258534644551" providerId="ADAL" clId="{E4EE2BBF-E6B8-4842-AE48-786E274FD108}" dt="2024-08-30T10:09:22.004" v="5518" actId="21"/>
          <ac:spMkLst>
            <pc:docMk/>
            <pc:sldMk cId="3983331921" sldId="264"/>
            <ac:spMk id="5" creationId="{5A3E0FE6-CE60-B8EA-9D67-5BE7634A788B}"/>
          </ac:spMkLst>
        </pc:spChg>
        <pc:spChg chg="del">
          <ac:chgData name="Bjørn Henrik Hansen" userId="c3228015-c4cd-4dc5-8814-258534644551" providerId="ADAL" clId="{E4EE2BBF-E6B8-4842-AE48-786E274FD108}" dt="2024-08-30T06:54:08.513" v="3081"/>
          <ac:spMkLst>
            <pc:docMk/>
            <pc:sldMk cId="3983331921" sldId="264"/>
            <ac:spMk id="9" creationId="{1707FC24-6981-43D9-B525-C7832BA22463}"/>
          </ac:spMkLst>
        </pc:spChg>
        <pc:picChg chg="del">
          <ac:chgData name="Bjørn Henrik Hansen" userId="c3228015-c4cd-4dc5-8814-258534644551" providerId="ADAL" clId="{E4EE2BBF-E6B8-4842-AE48-786E274FD108}" dt="2024-08-30T10:09:22.004" v="5518" actId="21"/>
          <ac:picMkLst>
            <pc:docMk/>
            <pc:sldMk cId="3983331921" sldId="264"/>
            <ac:picMk id="4" creationId="{E43EE560-FF09-4955-A99E-33FF4B535D55}"/>
          </ac:picMkLst>
        </pc:picChg>
        <pc:picChg chg="del mod">
          <ac:chgData name="Bjørn Henrik Hansen" userId="c3228015-c4cd-4dc5-8814-258534644551" providerId="ADAL" clId="{E4EE2BBF-E6B8-4842-AE48-786E274FD108}" dt="2024-08-30T10:09:22.004" v="5518" actId="21"/>
          <ac:picMkLst>
            <pc:docMk/>
            <pc:sldMk cId="3983331921" sldId="264"/>
            <ac:picMk id="6" creationId="{60659260-1F65-4DFF-A88E-E462E8254DC2}"/>
          </ac:picMkLst>
        </pc:picChg>
        <pc:picChg chg="del mod">
          <ac:chgData name="Bjørn Henrik Hansen" userId="c3228015-c4cd-4dc5-8814-258534644551" providerId="ADAL" clId="{E4EE2BBF-E6B8-4842-AE48-786E274FD108}" dt="2024-08-30T10:09:22.004" v="5518" actId="21"/>
          <ac:picMkLst>
            <pc:docMk/>
            <pc:sldMk cId="3983331921" sldId="264"/>
            <ac:picMk id="7" creationId="{AC7D79F3-42CE-4058-83F5-B969563776B5}"/>
          </ac:picMkLst>
        </pc:picChg>
      </pc:sldChg>
      <pc:sldChg chg="addSp delSp modSp mod">
        <pc:chgData name="Bjørn Henrik Hansen" userId="c3228015-c4cd-4dc5-8814-258534644551" providerId="ADAL" clId="{E4EE2BBF-E6B8-4842-AE48-786E274FD108}" dt="2024-08-30T13:03:10.929" v="6492" actId="1076"/>
        <pc:sldMkLst>
          <pc:docMk/>
          <pc:sldMk cId="3619548704" sldId="272"/>
        </pc:sldMkLst>
        <pc:spChg chg="mod">
          <ac:chgData name="Bjørn Henrik Hansen" userId="c3228015-c4cd-4dc5-8814-258534644551" providerId="ADAL" clId="{E4EE2BBF-E6B8-4842-AE48-786E274FD108}" dt="2024-08-30T12:51:54.696" v="6475" actId="1076"/>
          <ac:spMkLst>
            <pc:docMk/>
            <pc:sldMk cId="3619548704" sldId="272"/>
            <ac:spMk id="8" creationId="{C3A916A5-A7C2-F8EF-076B-B6AB54753A46}"/>
          </ac:spMkLst>
        </pc:spChg>
        <pc:spChg chg="mod">
          <ac:chgData name="Bjørn Henrik Hansen" userId="c3228015-c4cd-4dc5-8814-258534644551" providerId="ADAL" clId="{E4EE2BBF-E6B8-4842-AE48-786E274FD108}" dt="2024-08-30T12:52:10.149" v="6481" actId="20577"/>
          <ac:spMkLst>
            <pc:docMk/>
            <pc:sldMk cId="3619548704" sldId="272"/>
            <ac:spMk id="9" creationId="{6A3DDAB3-5855-3F9D-CF22-7CB003F2AEEC}"/>
          </ac:spMkLst>
        </pc:spChg>
        <pc:spChg chg="del">
          <ac:chgData name="Bjørn Henrik Hansen" userId="c3228015-c4cd-4dc5-8814-258534644551" providerId="ADAL" clId="{E4EE2BBF-E6B8-4842-AE48-786E274FD108}" dt="2024-08-29T20:40:06.698" v="1951" actId="478"/>
          <ac:spMkLst>
            <pc:docMk/>
            <pc:sldMk cId="3619548704" sldId="272"/>
            <ac:spMk id="10" creationId="{A2A4A9BC-13EE-DC36-F827-BF2DEF7F281C}"/>
          </ac:spMkLst>
        </pc:spChg>
        <pc:spChg chg="mod">
          <ac:chgData name="Bjørn Henrik Hansen" userId="c3228015-c4cd-4dc5-8814-258534644551" providerId="ADAL" clId="{E4EE2BBF-E6B8-4842-AE48-786E274FD108}" dt="2024-08-30T12:52:15.837" v="6482" actId="14100"/>
          <ac:spMkLst>
            <pc:docMk/>
            <pc:sldMk cId="3619548704" sldId="272"/>
            <ac:spMk id="11" creationId="{36B71C4A-5C5B-0F89-7D30-6D0352D8EE5D}"/>
          </ac:spMkLst>
        </pc:spChg>
        <pc:picChg chg="add mod ord">
          <ac:chgData name="Bjørn Henrik Hansen" userId="c3228015-c4cd-4dc5-8814-258534644551" providerId="ADAL" clId="{E4EE2BBF-E6B8-4842-AE48-786E274FD108}" dt="2024-08-29T20:40:44.691" v="1954" actId="167"/>
          <ac:picMkLst>
            <pc:docMk/>
            <pc:sldMk cId="3619548704" sldId="272"/>
            <ac:picMk id="2" creationId="{1C972656-597F-3D43-E1CA-E79DEAB68BCF}"/>
          </ac:picMkLst>
        </pc:picChg>
        <pc:picChg chg="add mod modCrop">
          <ac:chgData name="Bjørn Henrik Hansen" userId="c3228015-c4cd-4dc5-8814-258534644551" providerId="ADAL" clId="{E4EE2BBF-E6B8-4842-AE48-786E274FD108}" dt="2024-08-30T13:03:10.929" v="6492" actId="1076"/>
          <ac:picMkLst>
            <pc:docMk/>
            <pc:sldMk cId="3619548704" sldId="272"/>
            <ac:picMk id="3" creationId="{85A9D93D-6432-F6F8-3117-37F66B80E8FE}"/>
          </ac:picMkLst>
        </pc:picChg>
      </pc:sldChg>
      <pc:sldChg chg="modSp del mod ord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3254351504" sldId="273"/>
        </pc:sldMkLst>
        <pc:spChg chg="mod">
          <ac:chgData name="Bjørn Henrik Hansen" userId="c3228015-c4cd-4dc5-8814-258534644551" providerId="ADAL" clId="{E4EE2BBF-E6B8-4842-AE48-786E274FD108}" dt="2024-08-28T11:40:08.560" v="20" actId="27636"/>
          <ac:spMkLst>
            <pc:docMk/>
            <pc:sldMk cId="3254351504" sldId="273"/>
            <ac:spMk id="7" creationId="{C9EB49E6-F218-B959-CE40-297A4FAE8456}"/>
          </ac:spMkLst>
        </pc:spChg>
      </pc:sldChg>
      <pc:sldChg chg="modSp new del mod ord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3492911249" sldId="274"/>
        </pc:sldMkLst>
        <pc:spChg chg="mod">
          <ac:chgData name="Bjørn Henrik Hansen" userId="c3228015-c4cd-4dc5-8814-258534644551" providerId="ADAL" clId="{E4EE2BBF-E6B8-4842-AE48-786E274FD108}" dt="2024-08-30T20:42:51.874" v="7144" actId="27636"/>
          <ac:spMkLst>
            <pc:docMk/>
            <pc:sldMk cId="3492911249" sldId="274"/>
            <ac:spMk id="3" creationId="{A1B2E5B9-284A-15A8-6531-3CD16C4C8700}"/>
          </ac:spMkLst>
        </pc:spChg>
      </pc:sldChg>
      <pc:sldChg chg="modSp new del mod ord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980029910" sldId="275"/>
        </pc:sldMkLst>
        <pc:spChg chg="mod">
          <ac:chgData name="Bjørn Henrik Hansen" userId="c3228015-c4cd-4dc5-8814-258534644551" providerId="ADAL" clId="{E4EE2BBF-E6B8-4842-AE48-786E274FD108}" dt="2024-08-28T11:40:49.307" v="22"/>
          <ac:spMkLst>
            <pc:docMk/>
            <pc:sldMk cId="980029910" sldId="275"/>
            <ac:spMk id="3" creationId="{9566EF9A-CE5F-2974-A743-487CD3695908}"/>
          </ac:spMkLst>
        </pc:spChg>
      </pc:sldChg>
      <pc:sldChg chg="modSp new del mod ord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3473238489" sldId="276"/>
        </pc:sldMkLst>
        <pc:spChg chg="mod">
          <ac:chgData name="Bjørn Henrik Hansen" userId="c3228015-c4cd-4dc5-8814-258534644551" providerId="ADAL" clId="{E4EE2BBF-E6B8-4842-AE48-786E274FD108}" dt="2024-08-28T11:41:26.346" v="27" actId="27636"/>
          <ac:spMkLst>
            <pc:docMk/>
            <pc:sldMk cId="3473238489" sldId="276"/>
            <ac:spMk id="3" creationId="{EAE9B9A2-9DBD-B380-3D02-2A00F45EAD0C}"/>
          </ac:spMkLst>
        </pc:spChg>
      </pc:sldChg>
      <pc:sldChg chg="modSp new mod modAnim modNotesTx">
        <pc:chgData name="Bjørn Henrik Hansen" userId="c3228015-c4cd-4dc5-8814-258534644551" providerId="ADAL" clId="{E4EE2BBF-E6B8-4842-AE48-786E274FD108}" dt="2024-09-01T20:54:50.548" v="13318" actId="20577"/>
        <pc:sldMkLst>
          <pc:docMk/>
          <pc:sldMk cId="1777464025" sldId="277"/>
        </pc:sldMkLst>
        <pc:spChg chg="mod">
          <ac:chgData name="Bjørn Henrik Hansen" userId="c3228015-c4cd-4dc5-8814-258534644551" providerId="ADAL" clId="{E4EE2BBF-E6B8-4842-AE48-786E274FD108}" dt="2024-09-01T20:33:05.199" v="12886" actId="14100"/>
          <ac:spMkLst>
            <pc:docMk/>
            <pc:sldMk cId="1777464025" sldId="277"/>
            <ac:spMk id="2" creationId="{A71E0AAE-BE55-0633-F385-8CA6AA4DF2C6}"/>
          </ac:spMkLst>
        </pc:spChg>
        <pc:spChg chg="mod">
          <ac:chgData name="Bjørn Henrik Hansen" userId="c3228015-c4cd-4dc5-8814-258534644551" providerId="ADAL" clId="{E4EE2BBF-E6B8-4842-AE48-786E274FD108}" dt="2024-09-01T20:54:50.548" v="13318" actId="20577"/>
          <ac:spMkLst>
            <pc:docMk/>
            <pc:sldMk cId="1777464025" sldId="277"/>
            <ac:spMk id="3" creationId="{B4474D95-E370-E601-71EB-63B5A22F40B2}"/>
          </ac:spMkLst>
        </pc:spChg>
      </pc:sldChg>
      <pc:sldChg chg="modSp new del mod">
        <pc:chgData name="Bjørn Henrik Hansen" userId="c3228015-c4cd-4dc5-8814-258534644551" providerId="ADAL" clId="{E4EE2BBF-E6B8-4842-AE48-786E274FD108}" dt="2024-08-30T07:27:48.532" v="3360" actId="47"/>
        <pc:sldMkLst>
          <pc:docMk/>
          <pc:sldMk cId="332309923" sldId="278"/>
        </pc:sldMkLst>
        <pc:spChg chg="mod">
          <ac:chgData name="Bjørn Henrik Hansen" userId="c3228015-c4cd-4dc5-8814-258534644551" providerId="ADAL" clId="{E4EE2BBF-E6B8-4842-AE48-786E274FD108}" dt="2024-08-28T11:42:13.543" v="56" actId="20577"/>
          <ac:spMkLst>
            <pc:docMk/>
            <pc:sldMk cId="332309923" sldId="278"/>
            <ac:spMk id="2" creationId="{45FFB4C7-C974-6B9D-30D7-F4C6ED301DA6}"/>
          </ac:spMkLst>
        </pc:spChg>
        <pc:spChg chg="mod">
          <ac:chgData name="Bjørn Henrik Hansen" userId="c3228015-c4cd-4dc5-8814-258534644551" providerId="ADAL" clId="{E4EE2BBF-E6B8-4842-AE48-786E274FD108}" dt="2024-08-29T20:53:56.686" v="2235" actId="20577"/>
          <ac:spMkLst>
            <pc:docMk/>
            <pc:sldMk cId="332309923" sldId="278"/>
            <ac:spMk id="3" creationId="{6BCA9798-64D1-B119-7529-A119E19EE5A1}"/>
          </ac:spMkLst>
        </pc:spChg>
      </pc:sldChg>
      <pc:sldChg chg="addSp delSp modSp new del mod ord modNotesTx">
        <pc:chgData name="Bjørn Henrik Hansen" userId="c3228015-c4cd-4dc5-8814-258534644551" providerId="ADAL" clId="{E4EE2BBF-E6B8-4842-AE48-786E274FD108}" dt="2024-08-30T20:36:14.352" v="7121" actId="2696"/>
        <pc:sldMkLst>
          <pc:docMk/>
          <pc:sldMk cId="1865866445" sldId="279"/>
        </pc:sldMkLst>
        <pc:spChg chg="mod">
          <ac:chgData name="Bjørn Henrik Hansen" userId="c3228015-c4cd-4dc5-8814-258534644551" providerId="ADAL" clId="{E4EE2BBF-E6B8-4842-AE48-786E274FD108}" dt="2024-08-29T10:12:24.343" v="977" actId="20577"/>
          <ac:spMkLst>
            <pc:docMk/>
            <pc:sldMk cId="1865866445" sldId="279"/>
            <ac:spMk id="2" creationId="{5AFFFD9A-B8F6-225D-CDA7-95814F99C55C}"/>
          </ac:spMkLst>
        </pc:spChg>
        <pc:spChg chg="del mod">
          <ac:chgData name="Bjørn Henrik Hansen" userId="c3228015-c4cd-4dc5-8814-258534644551" providerId="ADAL" clId="{E4EE2BBF-E6B8-4842-AE48-786E274FD108}" dt="2024-08-29T20:38:41.117" v="1941" actId="478"/>
          <ac:spMkLst>
            <pc:docMk/>
            <pc:sldMk cId="1865866445" sldId="279"/>
            <ac:spMk id="3" creationId="{D3DB95BE-C80C-DB00-352E-EF9555329113}"/>
          </ac:spMkLst>
        </pc:spChg>
        <pc:spChg chg="add del mod">
          <ac:chgData name="Bjørn Henrik Hansen" userId="c3228015-c4cd-4dc5-8814-258534644551" providerId="ADAL" clId="{E4EE2BBF-E6B8-4842-AE48-786E274FD108}" dt="2024-08-29T20:38:43.288" v="1942" actId="478"/>
          <ac:spMkLst>
            <pc:docMk/>
            <pc:sldMk cId="1865866445" sldId="279"/>
            <ac:spMk id="8" creationId="{C0BFD364-7CF0-7651-20E4-4DC9CDE125DD}"/>
          </ac:spMkLst>
        </pc:spChg>
        <pc:picChg chg="add mod">
          <ac:chgData name="Bjørn Henrik Hansen" userId="c3228015-c4cd-4dc5-8814-258534644551" providerId="ADAL" clId="{E4EE2BBF-E6B8-4842-AE48-786E274FD108}" dt="2024-08-29T20:50:36.958" v="2140" actId="14100"/>
          <ac:picMkLst>
            <pc:docMk/>
            <pc:sldMk cId="1865866445" sldId="279"/>
            <ac:picMk id="4" creationId="{1CAAF312-DC89-6092-F8B2-5BC518180ABC}"/>
          </ac:picMkLst>
        </pc:picChg>
        <pc:picChg chg="add mod modCrop">
          <ac:chgData name="Bjørn Henrik Hansen" userId="c3228015-c4cd-4dc5-8814-258534644551" providerId="ADAL" clId="{E4EE2BBF-E6B8-4842-AE48-786E274FD108}" dt="2024-08-29T20:51:01.926" v="2144" actId="732"/>
          <ac:picMkLst>
            <pc:docMk/>
            <pc:sldMk cId="1865866445" sldId="279"/>
            <ac:picMk id="5" creationId="{98A72C05-0A6C-5C73-3DCA-6C3F74457198}"/>
          </ac:picMkLst>
        </pc:picChg>
        <pc:picChg chg="add del mod">
          <ac:chgData name="Bjørn Henrik Hansen" userId="c3228015-c4cd-4dc5-8814-258534644551" providerId="ADAL" clId="{E4EE2BBF-E6B8-4842-AE48-786E274FD108}" dt="2024-08-29T20:36:05.891" v="1849" actId="21"/>
          <ac:picMkLst>
            <pc:docMk/>
            <pc:sldMk cId="1865866445" sldId="279"/>
            <ac:picMk id="6" creationId="{A1C852C0-BD77-AE64-620E-BFAC02D67BE9}"/>
          </ac:picMkLst>
        </pc:picChg>
        <pc:picChg chg="add mod">
          <ac:chgData name="Bjørn Henrik Hansen" userId="c3228015-c4cd-4dc5-8814-258534644551" providerId="ADAL" clId="{E4EE2BBF-E6B8-4842-AE48-786E274FD108}" dt="2024-08-29T20:51:08.320" v="2145" actId="1076"/>
          <ac:picMkLst>
            <pc:docMk/>
            <pc:sldMk cId="1865866445" sldId="279"/>
            <ac:picMk id="9" creationId="{80A9C57A-2FE2-E308-C184-286419D38F47}"/>
          </ac:picMkLst>
        </pc:picChg>
      </pc:sldChg>
      <pc:sldChg chg="addSp delSp modSp new mod ord delAnim modAnim chgLayout">
        <pc:chgData name="Bjørn Henrik Hansen" userId="c3228015-c4cd-4dc5-8814-258534644551" providerId="ADAL" clId="{E4EE2BBF-E6B8-4842-AE48-786E274FD108}" dt="2024-09-02T10:45:52.706" v="13406" actId="732"/>
        <pc:sldMkLst>
          <pc:docMk/>
          <pc:sldMk cId="3871158040" sldId="280"/>
        </pc:sldMkLst>
        <pc:spChg chg="mod ord">
          <ac:chgData name="Bjørn Henrik Hansen" userId="c3228015-c4cd-4dc5-8814-258534644551" providerId="ADAL" clId="{E4EE2BBF-E6B8-4842-AE48-786E274FD108}" dt="2024-09-01T20:17:36.319" v="12187" actId="20577"/>
          <ac:spMkLst>
            <pc:docMk/>
            <pc:sldMk cId="3871158040" sldId="280"/>
            <ac:spMk id="2" creationId="{5F4F9A68-CCDA-F900-5E74-0E1AEAA2A26F}"/>
          </ac:spMkLst>
        </pc:spChg>
        <pc:spChg chg="del mod">
          <ac:chgData name="Bjørn Henrik Hansen" userId="c3228015-c4cd-4dc5-8814-258534644551" providerId="ADAL" clId="{E4EE2BBF-E6B8-4842-AE48-786E274FD108}" dt="2024-08-29T21:18:26.790" v="2593" actId="478"/>
          <ac:spMkLst>
            <pc:docMk/>
            <pc:sldMk cId="3871158040" sldId="280"/>
            <ac:spMk id="3" creationId="{E3779674-145F-ACF3-132F-65A953E1E224}"/>
          </ac:spMkLst>
        </pc:spChg>
        <pc:spChg chg="add mod">
          <ac:chgData name="Bjørn Henrik Hansen" userId="c3228015-c4cd-4dc5-8814-258534644551" providerId="ADAL" clId="{E4EE2BBF-E6B8-4842-AE48-786E274FD108}" dt="2024-09-01T20:19:53.837" v="12300" actId="1037"/>
          <ac:spMkLst>
            <pc:docMk/>
            <pc:sldMk cId="3871158040" sldId="280"/>
            <ac:spMk id="6" creationId="{A372FA80-5E62-74FB-7F1C-C69D665FB7A9}"/>
          </ac:spMkLst>
        </pc:spChg>
        <pc:spChg chg="add mod">
          <ac:chgData name="Bjørn Henrik Hansen" userId="c3228015-c4cd-4dc5-8814-258534644551" providerId="ADAL" clId="{E4EE2BBF-E6B8-4842-AE48-786E274FD108}" dt="2024-09-01T20:19:53.837" v="12300" actId="1037"/>
          <ac:spMkLst>
            <pc:docMk/>
            <pc:sldMk cId="3871158040" sldId="280"/>
            <ac:spMk id="7" creationId="{73D271C6-6264-84C1-734A-F6521242486B}"/>
          </ac:spMkLst>
        </pc:spChg>
        <pc:spChg chg="add del mod">
          <ac:chgData name="Bjørn Henrik Hansen" userId="c3228015-c4cd-4dc5-8814-258534644551" providerId="ADAL" clId="{E4EE2BBF-E6B8-4842-AE48-786E274FD108}" dt="2024-08-29T21:12:34.613" v="2552" actId="21"/>
          <ac:spMkLst>
            <pc:docMk/>
            <pc:sldMk cId="3871158040" sldId="280"/>
            <ac:spMk id="10" creationId="{94118707-F86F-BBBA-7890-7787C6A3BFC4}"/>
          </ac:spMkLst>
        </pc:spChg>
        <pc:spChg chg="add del mod">
          <ac:chgData name="Bjørn Henrik Hansen" userId="c3228015-c4cd-4dc5-8814-258534644551" providerId="ADAL" clId="{E4EE2BBF-E6B8-4842-AE48-786E274FD108}" dt="2024-08-29T21:25:37.515" v="2599" actId="478"/>
          <ac:spMkLst>
            <pc:docMk/>
            <pc:sldMk cId="3871158040" sldId="280"/>
            <ac:spMk id="12" creationId="{8DAF02A5-A834-826C-4C71-CFDA185B39FB}"/>
          </ac:spMkLst>
        </pc:spChg>
        <pc:spChg chg="add del mod">
          <ac:chgData name="Bjørn Henrik Hansen" userId="c3228015-c4cd-4dc5-8814-258534644551" providerId="ADAL" clId="{E4EE2BBF-E6B8-4842-AE48-786E274FD108}" dt="2024-08-29T21:18:29.447" v="2594" actId="478"/>
          <ac:spMkLst>
            <pc:docMk/>
            <pc:sldMk cId="3871158040" sldId="280"/>
            <ac:spMk id="14" creationId="{B512A34C-B64A-2CDD-D129-6B53DD0A3286}"/>
          </ac:spMkLst>
        </pc:spChg>
        <pc:spChg chg="add del mod ord">
          <ac:chgData name="Bjørn Henrik Hansen" userId="c3228015-c4cd-4dc5-8814-258534644551" providerId="ADAL" clId="{E4EE2BBF-E6B8-4842-AE48-786E274FD108}" dt="2024-08-30T13:12:26.045" v="6608" actId="478"/>
          <ac:spMkLst>
            <pc:docMk/>
            <pc:sldMk cId="3871158040" sldId="280"/>
            <ac:spMk id="15" creationId="{ED4BFAA0-FF7E-D0C0-2BFB-E3D8D12BF9F3}"/>
          </ac:spMkLst>
        </pc:spChg>
        <pc:spChg chg="add mod">
          <ac:chgData name="Bjørn Henrik Hansen" userId="c3228015-c4cd-4dc5-8814-258534644551" providerId="ADAL" clId="{E4EE2BBF-E6B8-4842-AE48-786E274FD108}" dt="2024-09-01T20:19:53.837" v="12300" actId="1037"/>
          <ac:spMkLst>
            <pc:docMk/>
            <pc:sldMk cId="3871158040" sldId="280"/>
            <ac:spMk id="16" creationId="{361FB5BE-A0FF-585A-2CE0-570105BA275C}"/>
          </ac:spMkLst>
        </pc:spChg>
        <pc:spChg chg="add mod">
          <ac:chgData name="Bjørn Henrik Hansen" userId="c3228015-c4cd-4dc5-8814-258534644551" providerId="ADAL" clId="{E4EE2BBF-E6B8-4842-AE48-786E274FD108}" dt="2024-09-01T20:19:53.837" v="12300" actId="1037"/>
          <ac:spMkLst>
            <pc:docMk/>
            <pc:sldMk cId="3871158040" sldId="280"/>
            <ac:spMk id="19" creationId="{6442F1FC-DCA0-AC81-79B2-4E5EAA4BABD8}"/>
          </ac:spMkLst>
        </pc:spChg>
        <pc:spChg chg="add mod">
          <ac:chgData name="Bjørn Henrik Hansen" userId="c3228015-c4cd-4dc5-8814-258534644551" providerId="ADAL" clId="{E4EE2BBF-E6B8-4842-AE48-786E274FD108}" dt="2024-09-01T20:19:59.639" v="12301" actId="1076"/>
          <ac:spMkLst>
            <pc:docMk/>
            <pc:sldMk cId="3871158040" sldId="280"/>
            <ac:spMk id="20" creationId="{37EF7DA5-96C2-6A15-8C8A-176CFDBDF2BF}"/>
          </ac:spMkLst>
        </pc:spChg>
        <pc:graphicFrameChg chg="add del mod">
          <ac:chgData name="Bjørn Henrik Hansen" userId="c3228015-c4cd-4dc5-8814-258534644551" providerId="ADAL" clId="{E4EE2BBF-E6B8-4842-AE48-786E274FD108}" dt="2024-08-29T21:25:34.848" v="2598" actId="478"/>
          <ac:graphicFrameMkLst>
            <pc:docMk/>
            <pc:sldMk cId="3871158040" sldId="280"/>
            <ac:graphicFrameMk id="11" creationId="{4141C7C4-4A35-45F5-23F6-150AF3A76294}"/>
          </ac:graphicFrameMkLst>
        </pc:graphicFrameChg>
        <pc:picChg chg="add mod">
          <ac:chgData name="Bjørn Henrik Hansen" userId="c3228015-c4cd-4dc5-8814-258534644551" providerId="ADAL" clId="{E4EE2BBF-E6B8-4842-AE48-786E274FD108}" dt="2024-09-01T20:19:53.837" v="12300" actId="1037"/>
          <ac:picMkLst>
            <pc:docMk/>
            <pc:sldMk cId="3871158040" sldId="280"/>
            <ac:picMk id="4" creationId="{286729E7-DED9-4FD5-24EE-33BB80F121BF}"/>
          </ac:picMkLst>
        </pc:picChg>
        <pc:picChg chg="add mod">
          <ac:chgData name="Bjørn Henrik Hansen" userId="c3228015-c4cd-4dc5-8814-258534644551" providerId="ADAL" clId="{E4EE2BBF-E6B8-4842-AE48-786E274FD108}" dt="2024-09-01T20:19:53.837" v="12300" actId="1037"/>
          <ac:picMkLst>
            <pc:docMk/>
            <pc:sldMk cId="3871158040" sldId="280"/>
            <ac:picMk id="5" creationId="{C0A78C8C-5095-C6FB-3FC8-EB44FE871D43}"/>
          </ac:picMkLst>
        </pc:picChg>
        <pc:picChg chg="add del mod">
          <ac:chgData name="Bjørn Henrik Hansen" userId="c3228015-c4cd-4dc5-8814-258534644551" providerId="ADAL" clId="{E4EE2BBF-E6B8-4842-AE48-786E274FD108}" dt="2024-08-29T21:13:07.027" v="2554" actId="21"/>
          <ac:picMkLst>
            <pc:docMk/>
            <pc:sldMk cId="3871158040" sldId="280"/>
            <ac:picMk id="8" creationId="{75F14B8B-565D-CFF6-9061-65D8F9D2C885}"/>
          </ac:picMkLst>
        </pc:picChg>
        <pc:picChg chg="add del mod">
          <ac:chgData name="Bjørn Henrik Hansen" userId="c3228015-c4cd-4dc5-8814-258534644551" providerId="ADAL" clId="{E4EE2BBF-E6B8-4842-AE48-786E274FD108}" dt="2024-08-29T21:12:34.613" v="2552" actId="21"/>
          <ac:picMkLst>
            <pc:docMk/>
            <pc:sldMk cId="3871158040" sldId="280"/>
            <ac:picMk id="9" creationId="{9B0C8983-CB62-B5A6-1517-C1FF6030A068}"/>
          </ac:picMkLst>
        </pc:picChg>
        <pc:picChg chg="add mod">
          <ac:chgData name="Bjørn Henrik Hansen" userId="c3228015-c4cd-4dc5-8814-258534644551" providerId="ADAL" clId="{E4EE2BBF-E6B8-4842-AE48-786E274FD108}" dt="2024-09-01T20:19:53.837" v="12300" actId="1037"/>
          <ac:picMkLst>
            <pc:docMk/>
            <pc:sldMk cId="3871158040" sldId="280"/>
            <ac:picMk id="17" creationId="{79B9124B-66EF-6C44-F25A-DCDE231F1A31}"/>
          </ac:picMkLst>
        </pc:picChg>
        <pc:picChg chg="add mod modCrop">
          <ac:chgData name="Bjørn Henrik Hansen" userId="c3228015-c4cd-4dc5-8814-258534644551" providerId="ADAL" clId="{E4EE2BBF-E6B8-4842-AE48-786E274FD108}" dt="2024-09-02T10:45:52.706" v="13406" actId="732"/>
          <ac:picMkLst>
            <pc:docMk/>
            <pc:sldMk cId="3871158040" sldId="280"/>
            <ac:picMk id="18" creationId="{A7039474-1A1C-B0AC-0087-54D825EF3D1B}"/>
          </ac:picMkLst>
        </pc:picChg>
      </pc:sldChg>
      <pc:sldChg chg="addSp modSp new mod ord modNotesTx">
        <pc:chgData name="Bjørn Henrik Hansen" userId="c3228015-c4cd-4dc5-8814-258534644551" providerId="ADAL" clId="{E4EE2BBF-E6B8-4842-AE48-786E274FD108}" dt="2024-09-01T20:10:23.039" v="11793" actId="20577"/>
        <pc:sldMkLst>
          <pc:docMk/>
          <pc:sldMk cId="1120504740" sldId="281"/>
        </pc:sldMkLst>
        <pc:spChg chg="mod">
          <ac:chgData name="Bjørn Henrik Hansen" userId="c3228015-c4cd-4dc5-8814-258534644551" providerId="ADAL" clId="{E4EE2BBF-E6B8-4842-AE48-786E274FD108}" dt="2024-09-01T20:07:29.990" v="11546" actId="20577"/>
          <ac:spMkLst>
            <pc:docMk/>
            <pc:sldMk cId="1120504740" sldId="281"/>
            <ac:spMk id="2" creationId="{9ED8D99F-BF23-0027-38B5-05AEE3D82BF7}"/>
          </ac:spMkLst>
        </pc:spChg>
        <pc:spChg chg="mod">
          <ac:chgData name="Bjørn Henrik Hansen" userId="c3228015-c4cd-4dc5-8814-258534644551" providerId="ADAL" clId="{E4EE2BBF-E6B8-4842-AE48-786E274FD108}" dt="2024-09-01T20:09:06.741" v="11718" actId="1076"/>
          <ac:spMkLst>
            <pc:docMk/>
            <pc:sldMk cId="1120504740" sldId="281"/>
            <ac:spMk id="3" creationId="{1B748BAD-5279-1128-3739-DFFE9AAE4F33}"/>
          </ac:spMkLst>
        </pc:spChg>
        <pc:spChg chg="add mod">
          <ac:chgData name="Bjørn Henrik Hansen" userId="c3228015-c4cd-4dc5-8814-258534644551" providerId="ADAL" clId="{E4EE2BBF-E6B8-4842-AE48-786E274FD108}" dt="2024-09-01T20:06:39.434" v="11505" actId="1076"/>
          <ac:spMkLst>
            <pc:docMk/>
            <pc:sldMk cId="1120504740" sldId="281"/>
            <ac:spMk id="6" creationId="{94703844-A635-531C-25A5-44148A9BCF0D}"/>
          </ac:spMkLst>
        </pc:spChg>
        <pc:spChg chg="add mod">
          <ac:chgData name="Bjørn Henrik Hansen" userId="c3228015-c4cd-4dc5-8814-258534644551" providerId="ADAL" clId="{E4EE2BBF-E6B8-4842-AE48-786E274FD108}" dt="2024-09-01T20:06:43.507" v="11506" actId="1076"/>
          <ac:spMkLst>
            <pc:docMk/>
            <pc:sldMk cId="1120504740" sldId="281"/>
            <ac:spMk id="7" creationId="{3678F10A-8FE9-9653-F3FB-EDD7E821477A}"/>
          </ac:spMkLst>
        </pc:spChg>
        <pc:spChg chg="add mod">
          <ac:chgData name="Bjørn Henrik Hansen" userId="c3228015-c4cd-4dc5-8814-258534644551" providerId="ADAL" clId="{E4EE2BBF-E6B8-4842-AE48-786E274FD108}" dt="2024-08-30T13:20:53.891" v="6906" actId="1076"/>
          <ac:spMkLst>
            <pc:docMk/>
            <pc:sldMk cId="1120504740" sldId="281"/>
            <ac:spMk id="8" creationId="{47151EEC-445D-EAD1-2B28-913B615F72DB}"/>
          </ac:spMkLst>
        </pc:spChg>
        <pc:picChg chg="add mod modCrop">
          <ac:chgData name="Bjørn Henrik Hansen" userId="c3228015-c4cd-4dc5-8814-258534644551" providerId="ADAL" clId="{E4EE2BBF-E6B8-4842-AE48-786E274FD108}" dt="2024-09-01T20:06:30.460" v="11503" actId="14100"/>
          <ac:picMkLst>
            <pc:docMk/>
            <pc:sldMk cId="1120504740" sldId="281"/>
            <ac:picMk id="4" creationId="{0F4EEFDA-76C4-27BF-E3D5-7A5E97559B31}"/>
          </ac:picMkLst>
        </pc:picChg>
        <pc:picChg chg="add mod modCrop">
          <ac:chgData name="Bjørn Henrik Hansen" userId="c3228015-c4cd-4dc5-8814-258534644551" providerId="ADAL" clId="{E4EE2BBF-E6B8-4842-AE48-786E274FD108}" dt="2024-09-01T20:06:35.172" v="11504" actId="14100"/>
          <ac:picMkLst>
            <pc:docMk/>
            <pc:sldMk cId="1120504740" sldId="281"/>
            <ac:picMk id="5" creationId="{58793144-E651-0453-FC01-6B2EDC5F384B}"/>
          </ac:picMkLst>
        </pc:picChg>
      </pc:sldChg>
      <pc:sldChg chg="addSp delSp modSp new del mod ord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1284250971" sldId="282"/>
        </pc:sldMkLst>
        <pc:spChg chg="mod">
          <ac:chgData name="Bjørn Henrik Hansen" userId="c3228015-c4cd-4dc5-8814-258534644551" providerId="ADAL" clId="{E4EE2BBF-E6B8-4842-AE48-786E274FD108}" dt="2024-08-29T21:12:24.059" v="2551" actId="20577"/>
          <ac:spMkLst>
            <pc:docMk/>
            <pc:sldMk cId="1284250971" sldId="282"/>
            <ac:spMk id="2" creationId="{AE4E0DC8-1F5B-C5F1-B40B-0EF2357AB71B}"/>
          </ac:spMkLst>
        </pc:spChg>
        <pc:picChg chg="add del">
          <ac:chgData name="Bjørn Henrik Hansen" userId="c3228015-c4cd-4dc5-8814-258534644551" providerId="ADAL" clId="{E4EE2BBF-E6B8-4842-AE48-786E274FD108}" dt="2024-08-29T20:38:13.618" v="1939" actId="21"/>
          <ac:picMkLst>
            <pc:docMk/>
            <pc:sldMk cId="1284250971" sldId="282"/>
            <ac:picMk id="5" creationId="{98A72C05-0A6C-5C73-3DCA-6C3F74457198}"/>
          </ac:picMkLst>
        </pc:picChg>
        <pc:picChg chg="add mod">
          <ac:chgData name="Bjørn Henrik Hansen" userId="c3228015-c4cd-4dc5-8814-258534644551" providerId="ADAL" clId="{E4EE2BBF-E6B8-4842-AE48-786E274FD108}" dt="2024-08-29T21:13:14.391" v="2557" actId="1076"/>
          <ac:picMkLst>
            <pc:docMk/>
            <pc:sldMk cId="1284250971" sldId="282"/>
            <ac:picMk id="8" creationId="{75F14B8B-565D-CFF6-9061-65D8F9D2C885}"/>
          </ac:picMkLst>
        </pc:picChg>
      </pc:sldChg>
      <pc:sldChg chg="addSp modSp new del mod ord modAnim">
        <pc:chgData name="Bjørn Henrik Hansen" userId="c3228015-c4cd-4dc5-8814-258534644551" providerId="ADAL" clId="{E4EE2BBF-E6B8-4842-AE48-786E274FD108}" dt="2024-08-30T20:56:57.731" v="7333" actId="47"/>
        <pc:sldMkLst>
          <pc:docMk/>
          <pc:sldMk cId="1239255728" sldId="283"/>
        </pc:sldMkLst>
        <pc:spChg chg="mod">
          <ac:chgData name="Bjørn Henrik Hansen" userId="c3228015-c4cd-4dc5-8814-258534644551" providerId="ADAL" clId="{E4EE2BBF-E6B8-4842-AE48-786E274FD108}" dt="2024-08-29T10:25:12.326" v="1272" actId="20577"/>
          <ac:spMkLst>
            <pc:docMk/>
            <pc:sldMk cId="1239255728" sldId="283"/>
            <ac:spMk id="2" creationId="{3BC583C5-0E85-6FBD-C828-F1E7F3A134CA}"/>
          </ac:spMkLst>
        </pc:spChg>
        <pc:spChg chg="mod">
          <ac:chgData name="Bjørn Henrik Hansen" userId="c3228015-c4cd-4dc5-8814-258534644551" providerId="ADAL" clId="{E4EE2BBF-E6B8-4842-AE48-786E274FD108}" dt="2024-08-29T11:18:56.896" v="1383" actId="20577"/>
          <ac:spMkLst>
            <pc:docMk/>
            <pc:sldMk cId="1239255728" sldId="283"/>
            <ac:spMk id="3" creationId="{48B9F3EC-4166-5736-77BE-E3BBE133B4BC}"/>
          </ac:spMkLst>
        </pc:spChg>
        <pc:spChg chg="add mod">
          <ac:chgData name="Bjørn Henrik Hansen" userId="c3228015-c4cd-4dc5-8814-258534644551" providerId="ADAL" clId="{E4EE2BBF-E6B8-4842-AE48-786E274FD108}" dt="2024-08-30T20:37:36.198" v="7127" actId="1076"/>
          <ac:spMkLst>
            <pc:docMk/>
            <pc:sldMk cId="1239255728" sldId="283"/>
            <ac:spMk id="10" creationId="{94118707-F86F-BBBA-7890-7787C6A3BFC4}"/>
          </ac:spMkLst>
        </pc:spChg>
        <pc:picChg chg="add mod">
          <ac:chgData name="Bjørn Henrik Hansen" userId="c3228015-c4cd-4dc5-8814-258534644551" providerId="ADAL" clId="{E4EE2BBF-E6B8-4842-AE48-786E274FD108}" dt="2024-08-30T20:37:31.582" v="7126" actId="1076"/>
          <ac:picMkLst>
            <pc:docMk/>
            <pc:sldMk cId="1239255728" sldId="283"/>
            <ac:picMk id="9" creationId="{9B0C8983-CB62-B5A6-1517-C1FF6030A068}"/>
          </ac:picMkLst>
        </pc:picChg>
      </pc:sldChg>
      <pc:sldChg chg="add del ord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4287084885" sldId="284"/>
        </pc:sldMkLst>
      </pc:sldChg>
      <pc:sldChg chg="add del">
        <pc:chgData name="Bjørn Henrik Hansen" userId="c3228015-c4cd-4dc5-8814-258534644551" providerId="ADAL" clId="{E4EE2BBF-E6B8-4842-AE48-786E274FD108}" dt="2024-08-29T21:01:40.745" v="2504" actId="47"/>
        <pc:sldMkLst>
          <pc:docMk/>
          <pc:sldMk cId="1022065062" sldId="319"/>
        </pc:sldMkLst>
      </pc:sldChg>
      <pc:sldChg chg="addSp delSp modSp add del mod ord delAnim">
        <pc:chgData name="Bjørn Henrik Hansen" userId="c3228015-c4cd-4dc5-8814-258534644551" providerId="ADAL" clId="{E4EE2BBF-E6B8-4842-AE48-786E274FD108}" dt="2024-08-29T21:01:59.648" v="2505" actId="47"/>
        <pc:sldMkLst>
          <pc:docMk/>
          <pc:sldMk cId="1014235638" sldId="326"/>
        </pc:sldMkLst>
        <pc:spChg chg="mod">
          <ac:chgData name="Bjørn Henrik Hansen" userId="c3228015-c4cd-4dc5-8814-258534644551" providerId="ADAL" clId="{E4EE2BBF-E6B8-4842-AE48-786E274FD108}" dt="2024-08-29T20:51:26.220" v="2157" actId="20577"/>
          <ac:spMkLst>
            <pc:docMk/>
            <pc:sldMk cId="1014235638" sldId="326"/>
            <ac:spMk id="2" creationId="{03EA2850-00F0-44C5-BB12-051FB16C1B17}"/>
          </ac:spMkLst>
        </pc:spChg>
        <pc:spChg chg="del">
          <ac:chgData name="Bjørn Henrik Hansen" userId="c3228015-c4cd-4dc5-8814-258534644551" providerId="ADAL" clId="{E4EE2BBF-E6B8-4842-AE48-786E274FD108}" dt="2024-08-29T20:52:21.343" v="2188" actId="21"/>
          <ac:spMkLst>
            <pc:docMk/>
            <pc:sldMk cId="1014235638" sldId="326"/>
            <ac:spMk id="5" creationId="{EB3B05DA-DF41-4BC0-A727-A0CAE6F63A17}"/>
          </ac:spMkLst>
        </pc:spChg>
        <pc:spChg chg="del mod">
          <ac:chgData name="Bjørn Henrik Hansen" userId="c3228015-c4cd-4dc5-8814-258534644551" providerId="ADAL" clId="{E4EE2BBF-E6B8-4842-AE48-786E274FD108}" dt="2024-08-29T20:52:21.343" v="2188" actId="21"/>
          <ac:spMkLst>
            <pc:docMk/>
            <pc:sldMk cId="1014235638" sldId="326"/>
            <ac:spMk id="6" creationId="{6D3CB3C6-0F6B-47B2-AA36-092A42A19345}"/>
          </ac:spMkLst>
        </pc:spChg>
        <pc:spChg chg="del">
          <ac:chgData name="Bjørn Henrik Hansen" userId="c3228015-c4cd-4dc5-8814-258534644551" providerId="ADAL" clId="{E4EE2BBF-E6B8-4842-AE48-786E274FD108}" dt="2024-08-29T20:39:56.233" v="1950" actId="478"/>
          <ac:spMkLst>
            <pc:docMk/>
            <pc:sldMk cId="1014235638" sldId="326"/>
            <ac:spMk id="7" creationId="{3843590E-CEC6-AF0D-6503-B5C471CF9A6D}"/>
          </ac:spMkLst>
        </pc:spChg>
        <pc:spChg chg="add mod">
          <ac:chgData name="Bjørn Henrik Hansen" userId="c3228015-c4cd-4dc5-8814-258534644551" providerId="ADAL" clId="{E4EE2BBF-E6B8-4842-AE48-786E274FD108}" dt="2024-08-29T20:52:21.343" v="2188" actId="21"/>
          <ac:spMkLst>
            <pc:docMk/>
            <pc:sldMk cId="1014235638" sldId="326"/>
            <ac:spMk id="12" creationId="{5909097E-DC9D-28A8-11A8-CF54BDC4E2B2}"/>
          </ac:spMkLst>
        </pc:spChg>
        <pc:spChg chg="add mod">
          <ac:chgData name="Bjørn Henrik Hansen" userId="c3228015-c4cd-4dc5-8814-258534644551" providerId="ADAL" clId="{E4EE2BBF-E6B8-4842-AE48-786E274FD108}" dt="2024-08-29T20:52:21.343" v="2188" actId="21"/>
          <ac:spMkLst>
            <pc:docMk/>
            <pc:sldMk cId="1014235638" sldId="326"/>
            <ac:spMk id="14" creationId="{05679B46-27C2-10E2-4FF3-B86947176514}"/>
          </ac:spMkLst>
        </pc:spChg>
        <pc:picChg chg="del">
          <ac:chgData name="Bjørn Henrik Hansen" userId="c3228015-c4cd-4dc5-8814-258534644551" providerId="ADAL" clId="{E4EE2BBF-E6B8-4842-AE48-786E274FD108}" dt="2024-08-29T20:52:21.343" v="2188" actId="21"/>
          <ac:picMkLst>
            <pc:docMk/>
            <pc:sldMk cId="1014235638" sldId="326"/>
            <ac:picMk id="3" creationId="{5DD64D8D-4EF6-3876-FF25-0552A2F180AF}"/>
          </ac:picMkLst>
        </pc:picChg>
        <pc:picChg chg="del">
          <ac:chgData name="Bjørn Henrik Hansen" userId="c3228015-c4cd-4dc5-8814-258534644551" providerId="ADAL" clId="{E4EE2BBF-E6B8-4842-AE48-786E274FD108}" dt="2024-08-29T20:52:21.343" v="2188" actId="21"/>
          <ac:picMkLst>
            <pc:docMk/>
            <pc:sldMk cId="1014235638" sldId="326"/>
            <ac:picMk id="4" creationId="{77F1CAEC-CD0D-CD1B-CD11-EFE93F386B93}"/>
          </ac:picMkLst>
        </pc:picChg>
        <pc:picChg chg="mod">
          <ac:chgData name="Bjørn Henrik Hansen" userId="c3228015-c4cd-4dc5-8814-258534644551" providerId="ADAL" clId="{E4EE2BBF-E6B8-4842-AE48-786E274FD108}" dt="2024-08-29T20:52:12.148" v="2187" actId="1076"/>
          <ac:picMkLst>
            <pc:docMk/>
            <pc:sldMk cId="1014235638" sldId="326"/>
            <ac:picMk id="8" creationId="{3141D21F-36CF-6324-DD25-EEC2954446F9}"/>
          </ac:picMkLst>
        </pc:picChg>
        <pc:picChg chg="del">
          <ac:chgData name="Bjørn Henrik Hansen" userId="c3228015-c4cd-4dc5-8814-258534644551" providerId="ADAL" clId="{E4EE2BBF-E6B8-4842-AE48-786E274FD108}" dt="2024-08-29T20:52:21.343" v="2188" actId="21"/>
          <ac:picMkLst>
            <pc:docMk/>
            <pc:sldMk cId="1014235638" sldId="326"/>
            <ac:picMk id="9" creationId="{BB4E1905-43D7-480A-8A4D-31C09E2E66A3}"/>
          </ac:picMkLst>
        </pc:picChg>
        <pc:picChg chg="del">
          <ac:chgData name="Bjørn Henrik Hansen" userId="c3228015-c4cd-4dc5-8814-258534644551" providerId="ADAL" clId="{E4EE2BBF-E6B8-4842-AE48-786E274FD108}" dt="2024-08-29T20:52:21.343" v="2188" actId="21"/>
          <ac:picMkLst>
            <pc:docMk/>
            <pc:sldMk cId="1014235638" sldId="326"/>
            <ac:picMk id="10" creationId="{D9E49A81-B69C-4E13-A272-D73D4FBF0496}"/>
          </ac:picMkLst>
        </pc:picChg>
      </pc:sldChg>
      <pc:sldChg chg="modSp add del mod ord">
        <pc:chgData name="Bjørn Henrik Hansen" userId="c3228015-c4cd-4dc5-8814-258534644551" providerId="ADAL" clId="{E4EE2BBF-E6B8-4842-AE48-786E274FD108}" dt="2024-08-29T21:04:26.104" v="2509" actId="47"/>
        <pc:sldMkLst>
          <pc:docMk/>
          <pc:sldMk cId="261891248" sldId="331"/>
        </pc:sldMkLst>
        <pc:picChg chg="mod">
          <ac:chgData name="Bjørn Henrik Hansen" userId="c3228015-c4cd-4dc5-8814-258534644551" providerId="ADAL" clId="{E4EE2BBF-E6B8-4842-AE48-786E274FD108}" dt="2024-08-29T21:04:09.722" v="2508" actId="14100"/>
          <ac:picMkLst>
            <pc:docMk/>
            <pc:sldMk cId="261891248" sldId="331"/>
            <ac:picMk id="12" creationId="{7104D871-34AC-D5E0-A52F-4914EB4B7723}"/>
          </ac:picMkLst>
        </pc:picChg>
      </pc:sldChg>
      <pc:sldChg chg="addSp delSp modSp new mod delAnim modAnim modNotesTx">
        <pc:chgData name="Bjørn Henrik Hansen" userId="c3228015-c4cd-4dc5-8814-258534644551" providerId="ADAL" clId="{E4EE2BBF-E6B8-4842-AE48-786E274FD108}" dt="2024-08-29T20:53:48.166" v="2225" actId="14100"/>
        <pc:sldMkLst>
          <pc:docMk/>
          <pc:sldMk cId="1360231866" sldId="332"/>
        </pc:sldMkLst>
        <pc:spChg chg="mod">
          <ac:chgData name="Bjørn Henrik Hansen" userId="c3228015-c4cd-4dc5-8814-258534644551" providerId="ADAL" clId="{E4EE2BBF-E6B8-4842-AE48-786E274FD108}" dt="2024-08-29T11:56:47.401" v="1449" actId="20577"/>
          <ac:spMkLst>
            <pc:docMk/>
            <pc:sldMk cId="1360231866" sldId="332"/>
            <ac:spMk id="2" creationId="{B86A9B45-29F0-96C5-8415-4CBC7C38EFB2}"/>
          </ac:spMkLst>
        </pc:spChg>
        <pc:spChg chg="del">
          <ac:chgData name="Bjørn Henrik Hansen" userId="c3228015-c4cd-4dc5-8814-258534644551" providerId="ADAL" clId="{E4EE2BBF-E6B8-4842-AE48-786E274FD108}" dt="2024-08-29T11:53:47.229" v="1387" actId="478"/>
          <ac:spMkLst>
            <pc:docMk/>
            <pc:sldMk cId="1360231866" sldId="332"/>
            <ac:spMk id="3" creationId="{684953E9-2170-827B-C860-4FFA08DF8E81}"/>
          </ac:spMkLst>
        </pc:spChg>
        <pc:spChg chg="add mod">
          <ac:chgData name="Bjørn Henrik Hansen" userId="c3228015-c4cd-4dc5-8814-258534644551" providerId="ADAL" clId="{E4EE2BBF-E6B8-4842-AE48-786E274FD108}" dt="2024-08-29T11:55:48.992" v="1435" actId="1076"/>
          <ac:spMkLst>
            <pc:docMk/>
            <pc:sldMk cId="1360231866" sldId="332"/>
            <ac:spMk id="5" creationId="{F79DCF34-A3DF-F204-C6BE-72CFF1AF0C6A}"/>
          </ac:spMkLst>
        </pc:spChg>
        <pc:picChg chg="add del mod">
          <ac:chgData name="Bjørn Henrik Hansen" userId="c3228015-c4cd-4dc5-8814-258534644551" providerId="ADAL" clId="{E4EE2BBF-E6B8-4842-AE48-786E274FD108}" dt="2024-08-29T20:47:37.246" v="2107" actId="21"/>
          <ac:picMkLst>
            <pc:docMk/>
            <pc:sldMk cId="1360231866" sldId="332"/>
            <ac:picMk id="3" creationId="{26C8F337-C391-B6A8-086F-B2EF274989BF}"/>
          </ac:picMkLst>
        </pc:picChg>
        <pc:picChg chg="add del mod">
          <ac:chgData name="Bjørn Henrik Hansen" userId="c3228015-c4cd-4dc5-8814-258534644551" providerId="ADAL" clId="{E4EE2BBF-E6B8-4842-AE48-786E274FD108}" dt="2024-08-29T20:47:37.246" v="2107" actId="21"/>
          <ac:picMkLst>
            <pc:docMk/>
            <pc:sldMk cId="1360231866" sldId="332"/>
            <ac:picMk id="4" creationId="{80A9C57A-2FE2-E308-C184-286419D38F47}"/>
          </ac:picMkLst>
        </pc:picChg>
        <pc:picChg chg="add del mod">
          <ac:chgData name="Bjørn Henrik Hansen" userId="c3228015-c4cd-4dc5-8814-258534644551" providerId="ADAL" clId="{E4EE2BBF-E6B8-4842-AE48-786E274FD108}" dt="2024-08-29T20:47:37.246" v="2107" actId="21"/>
          <ac:picMkLst>
            <pc:docMk/>
            <pc:sldMk cId="1360231866" sldId="332"/>
            <ac:picMk id="6" creationId="{2C90D650-719E-119B-3C6E-451F16B2F753}"/>
          </ac:picMkLst>
        </pc:picChg>
        <pc:picChg chg="add mod">
          <ac:chgData name="Bjørn Henrik Hansen" userId="c3228015-c4cd-4dc5-8814-258534644551" providerId="ADAL" clId="{E4EE2BBF-E6B8-4842-AE48-786E274FD108}" dt="2024-08-29T20:53:48.166" v="2225" actId="14100"/>
          <ac:picMkLst>
            <pc:docMk/>
            <pc:sldMk cId="1360231866" sldId="332"/>
            <ac:picMk id="1026" creationId="{F3DFACDC-B9F1-1ACC-4070-D472C57F9C4D}"/>
          </ac:picMkLst>
        </pc:picChg>
      </pc:sldChg>
      <pc:sldChg chg="addSp delSp modSp new mod ord modClrScheme delAnim modAnim chgLayout modNotesTx">
        <pc:chgData name="Bjørn Henrik Hansen" userId="c3228015-c4cd-4dc5-8814-258534644551" providerId="ADAL" clId="{E4EE2BBF-E6B8-4842-AE48-786E274FD108}" dt="2024-09-01T20:15:06.940" v="12133" actId="1076"/>
        <pc:sldMkLst>
          <pc:docMk/>
          <pc:sldMk cId="2117788934" sldId="333"/>
        </pc:sldMkLst>
        <pc:spChg chg="del">
          <ac:chgData name="Bjørn Henrik Hansen" userId="c3228015-c4cd-4dc5-8814-258534644551" providerId="ADAL" clId="{E4EE2BBF-E6B8-4842-AE48-786E274FD108}" dt="2024-08-29T20:36:14.611" v="1852" actId="26606"/>
          <ac:spMkLst>
            <pc:docMk/>
            <pc:sldMk cId="2117788934" sldId="333"/>
            <ac:spMk id="2" creationId="{2A2EA358-FEFA-988C-1DD2-3C6681A9C615}"/>
          </ac:spMkLst>
        </pc:spChg>
        <pc:spChg chg="del">
          <ac:chgData name="Bjørn Henrik Hansen" userId="c3228015-c4cd-4dc5-8814-258534644551" providerId="ADAL" clId="{E4EE2BBF-E6B8-4842-AE48-786E274FD108}" dt="2024-08-29T20:36:14.611" v="1852" actId="26606"/>
          <ac:spMkLst>
            <pc:docMk/>
            <pc:sldMk cId="2117788934" sldId="333"/>
            <ac:spMk id="3" creationId="{CE422191-1B40-96EB-2F84-948A4485E0F9}"/>
          </ac:spMkLst>
        </pc:spChg>
        <pc:spChg chg="add mod">
          <ac:chgData name="Bjørn Henrik Hansen" userId="c3228015-c4cd-4dc5-8814-258534644551" providerId="ADAL" clId="{E4EE2BBF-E6B8-4842-AE48-786E274FD108}" dt="2024-09-01T20:02:25.315" v="11490" actId="1076"/>
          <ac:spMkLst>
            <pc:docMk/>
            <pc:sldMk cId="2117788934" sldId="333"/>
            <ac:spMk id="10" creationId="{68BFCFB8-CC54-FDD6-5599-9D2110C6AA48}"/>
          </ac:spMkLst>
        </pc:spChg>
        <pc:spChg chg="add mod">
          <ac:chgData name="Bjørn Henrik Hansen" userId="c3228015-c4cd-4dc5-8814-258534644551" providerId="ADAL" clId="{E4EE2BBF-E6B8-4842-AE48-786E274FD108}" dt="2024-09-01T13:22:47.925" v="11294" actId="20577"/>
          <ac:spMkLst>
            <pc:docMk/>
            <pc:sldMk cId="2117788934" sldId="333"/>
            <ac:spMk id="11" creationId="{B7120C09-64BA-905A-10FA-EEDBC8C84610}"/>
          </ac:spMkLst>
        </pc:spChg>
        <pc:spChg chg="add mod">
          <ac:chgData name="Bjørn Henrik Hansen" userId="c3228015-c4cd-4dc5-8814-258534644551" providerId="ADAL" clId="{E4EE2BBF-E6B8-4842-AE48-786E274FD108}" dt="2024-09-01T20:14:58.402" v="12132" actId="1076"/>
          <ac:spMkLst>
            <pc:docMk/>
            <pc:sldMk cId="2117788934" sldId="333"/>
            <ac:spMk id="12" creationId="{8FA901D5-BCBD-8ACE-87EA-044AFDC7E113}"/>
          </ac:spMkLst>
        </pc:spChg>
        <pc:picChg chg="add del mod">
          <ac:chgData name="Bjørn Henrik Hansen" userId="c3228015-c4cd-4dc5-8814-258534644551" providerId="ADAL" clId="{E4EE2BBF-E6B8-4842-AE48-786E274FD108}" dt="2024-08-29T20:47:48.953" v="2111" actId="478"/>
          <ac:picMkLst>
            <pc:docMk/>
            <pc:sldMk cId="2117788934" sldId="333"/>
            <ac:picMk id="4" creationId="{26C8F337-C391-B6A8-086F-B2EF274989BF}"/>
          </ac:picMkLst>
        </pc:picChg>
        <pc:picChg chg="add del mod">
          <ac:chgData name="Bjørn Henrik Hansen" userId="c3228015-c4cd-4dc5-8814-258534644551" providerId="ADAL" clId="{E4EE2BBF-E6B8-4842-AE48-786E274FD108}" dt="2024-08-29T20:49:25.535" v="2131" actId="21"/>
          <ac:picMkLst>
            <pc:docMk/>
            <pc:sldMk cId="2117788934" sldId="333"/>
            <ac:picMk id="5" creationId="{80A9C57A-2FE2-E308-C184-286419D38F47}"/>
          </ac:picMkLst>
        </pc:picChg>
        <pc:picChg chg="add mod">
          <ac:chgData name="Bjørn Henrik Hansen" userId="c3228015-c4cd-4dc5-8814-258534644551" providerId="ADAL" clId="{E4EE2BBF-E6B8-4842-AE48-786E274FD108}" dt="2024-09-01T20:15:06.940" v="12133" actId="1076"/>
          <ac:picMkLst>
            <pc:docMk/>
            <pc:sldMk cId="2117788934" sldId="333"/>
            <ac:picMk id="6" creationId="{A1C852C0-BD77-AE64-620E-BFAC02D67BE9}"/>
          </ac:picMkLst>
        </pc:picChg>
        <pc:picChg chg="add mod">
          <ac:chgData name="Bjørn Henrik Hansen" userId="c3228015-c4cd-4dc5-8814-258534644551" providerId="ADAL" clId="{E4EE2BBF-E6B8-4842-AE48-786E274FD108}" dt="2024-09-01T20:02:44.721" v="11493" actId="1076"/>
          <ac:picMkLst>
            <pc:docMk/>
            <pc:sldMk cId="2117788934" sldId="333"/>
            <ac:picMk id="7" creationId="{2C90D650-719E-119B-3C6E-451F16B2F753}"/>
          </ac:picMkLst>
        </pc:picChg>
        <pc:picChg chg="add mod">
          <ac:chgData name="Bjørn Henrik Hansen" userId="c3228015-c4cd-4dc5-8814-258534644551" providerId="ADAL" clId="{E4EE2BBF-E6B8-4842-AE48-786E274FD108}" dt="2024-09-01T20:02:42.190" v="11492" actId="1076"/>
          <ac:picMkLst>
            <pc:docMk/>
            <pc:sldMk cId="2117788934" sldId="333"/>
            <ac:picMk id="8" creationId="{63323CCF-EA24-D994-202F-6B6468CA7B27}"/>
          </ac:picMkLst>
        </pc:picChg>
        <pc:picChg chg="add del mod">
          <ac:chgData name="Bjørn Henrik Hansen" userId="c3228015-c4cd-4dc5-8814-258534644551" providerId="ADAL" clId="{E4EE2BBF-E6B8-4842-AE48-786E274FD108}" dt="2024-08-29T21:32:08.095" v="2642" actId="21"/>
          <ac:picMkLst>
            <pc:docMk/>
            <pc:sldMk cId="2117788934" sldId="333"/>
            <ac:picMk id="9" creationId="{77391B3D-B812-EF0F-FBE4-A66807C75437}"/>
          </ac:picMkLst>
        </pc:picChg>
      </pc:sldChg>
      <pc:sldChg chg="new del">
        <pc:chgData name="Bjørn Henrik Hansen" userId="c3228015-c4cd-4dc5-8814-258534644551" providerId="ADAL" clId="{E4EE2BBF-E6B8-4842-AE48-786E274FD108}" dt="2024-08-29T20:37:54.884" v="1938" actId="47"/>
        <pc:sldMkLst>
          <pc:docMk/>
          <pc:sldMk cId="816766868" sldId="334"/>
        </pc:sldMkLst>
      </pc:sldChg>
      <pc:sldChg chg="addSp delSp modSp new del mod modAnim modNotesTx">
        <pc:chgData name="Bjørn Henrik Hansen" userId="c3228015-c4cd-4dc5-8814-258534644551" providerId="ADAL" clId="{E4EE2BBF-E6B8-4842-AE48-786E274FD108}" dt="2024-08-30T20:36:14.352" v="7121" actId="2696"/>
        <pc:sldMkLst>
          <pc:docMk/>
          <pc:sldMk cId="1405953703" sldId="334"/>
        </pc:sldMkLst>
        <pc:spChg chg="mod">
          <ac:chgData name="Bjørn Henrik Hansen" userId="c3228015-c4cd-4dc5-8814-258534644551" providerId="ADAL" clId="{E4EE2BBF-E6B8-4842-AE48-786E274FD108}" dt="2024-08-29T20:52:06.143" v="2185" actId="20577"/>
          <ac:spMkLst>
            <pc:docMk/>
            <pc:sldMk cId="1405953703" sldId="334"/>
            <ac:spMk id="2" creationId="{EA60C2C7-8EDC-34E5-A961-234AF4DDB0DB}"/>
          </ac:spMkLst>
        </pc:spChg>
        <pc:spChg chg="del">
          <ac:chgData name="Bjørn Henrik Hansen" userId="c3228015-c4cd-4dc5-8814-258534644551" providerId="ADAL" clId="{E4EE2BBF-E6B8-4842-AE48-786E274FD108}" dt="2024-08-29T20:51:58.325" v="2163" actId="478"/>
          <ac:spMkLst>
            <pc:docMk/>
            <pc:sldMk cId="1405953703" sldId="334"/>
            <ac:spMk id="3" creationId="{75E65C99-D747-C936-F573-CCE63B8A1D25}"/>
          </ac:spMkLst>
        </pc:spChg>
        <pc:spChg chg="add mod">
          <ac:chgData name="Bjørn Henrik Hansen" userId="c3228015-c4cd-4dc5-8814-258534644551" providerId="ADAL" clId="{E4EE2BBF-E6B8-4842-AE48-786E274FD108}" dt="2024-08-29T20:52:27.153" v="2190" actId="1076"/>
          <ac:spMkLst>
            <pc:docMk/>
            <pc:sldMk cId="1405953703" sldId="334"/>
            <ac:spMk id="5" creationId="{EB3B05DA-DF41-4BC0-A727-A0CAE6F63A17}"/>
          </ac:spMkLst>
        </pc:spChg>
        <pc:spChg chg="add mod">
          <ac:chgData name="Bjørn Henrik Hansen" userId="c3228015-c4cd-4dc5-8814-258534644551" providerId="ADAL" clId="{E4EE2BBF-E6B8-4842-AE48-786E274FD108}" dt="2024-08-29T20:52:54.275" v="2224" actId="20577"/>
          <ac:spMkLst>
            <pc:docMk/>
            <pc:sldMk cId="1405953703" sldId="334"/>
            <ac:spMk id="6" creationId="{6D3CB3C6-0F6B-47B2-AA36-092A42A19345}"/>
          </ac:spMkLst>
        </pc:spChg>
        <pc:picChg chg="add mod">
          <ac:chgData name="Bjørn Henrik Hansen" userId="c3228015-c4cd-4dc5-8814-258534644551" providerId="ADAL" clId="{E4EE2BBF-E6B8-4842-AE48-786E274FD108}" dt="2024-08-29T20:52:27.153" v="2190" actId="1076"/>
          <ac:picMkLst>
            <pc:docMk/>
            <pc:sldMk cId="1405953703" sldId="334"/>
            <ac:picMk id="4" creationId="{5DD64D8D-4EF6-3876-FF25-0552A2F180AF}"/>
          </ac:picMkLst>
        </pc:picChg>
        <pc:picChg chg="add mod">
          <ac:chgData name="Bjørn Henrik Hansen" userId="c3228015-c4cd-4dc5-8814-258534644551" providerId="ADAL" clId="{E4EE2BBF-E6B8-4842-AE48-786E274FD108}" dt="2024-08-29T20:52:27.153" v="2190" actId="1076"/>
          <ac:picMkLst>
            <pc:docMk/>
            <pc:sldMk cId="1405953703" sldId="334"/>
            <ac:picMk id="7" creationId="{77F1CAEC-CD0D-CD1B-CD11-EFE93F386B93}"/>
          </ac:picMkLst>
        </pc:picChg>
        <pc:picChg chg="add mod">
          <ac:chgData name="Bjørn Henrik Hansen" userId="c3228015-c4cd-4dc5-8814-258534644551" providerId="ADAL" clId="{E4EE2BBF-E6B8-4842-AE48-786E274FD108}" dt="2024-08-29T20:52:27.153" v="2190" actId="1076"/>
          <ac:picMkLst>
            <pc:docMk/>
            <pc:sldMk cId="1405953703" sldId="334"/>
            <ac:picMk id="9" creationId="{BB4E1905-43D7-480A-8A4D-31C09E2E66A3}"/>
          </ac:picMkLst>
        </pc:picChg>
        <pc:picChg chg="add mod">
          <ac:chgData name="Bjørn Henrik Hansen" userId="c3228015-c4cd-4dc5-8814-258534644551" providerId="ADAL" clId="{E4EE2BBF-E6B8-4842-AE48-786E274FD108}" dt="2024-08-29T20:52:27.153" v="2190" actId="1076"/>
          <ac:picMkLst>
            <pc:docMk/>
            <pc:sldMk cId="1405953703" sldId="334"/>
            <ac:picMk id="10" creationId="{D9E49A81-B69C-4E13-A272-D73D4FBF0496}"/>
          </ac:picMkLst>
        </pc:picChg>
      </pc:sldChg>
      <pc:sldChg chg="addSp delSp modSp new del mod">
        <pc:chgData name="Bjørn Henrik Hansen" userId="c3228015-c4cd-4dc5-8814-258534644551" providerId="ADAL" clId="{E4EE2BBF-E6B8-4842-AE48-786E274FD108}" dt="2024-08-29T20:50:15.847" v="2137" actId="47"/>
        <pc:sldMkLst>
          <pc:docMk/>
          <pc:sldMk cId="3356486676" sldId="334"/>
        </pc:sldMkLst>
        <pc:spChg chg="del">
          <ac:chgData name="Bjørn Henrik Hansen" userId="c3228015-c4cd-4dc5-8814-258534644551" providerId="ADAL" clId="{E4EE2BBF-E6B8-4842-AE48-786E274FD108}" dt="2024-08-29T20:48:11.801" v="2118" actId="478"/>
          <ac:spMkLst>
            <pc:docMk/>
            <pc:sldMk cId="3356486676" sldId="334"/>
            <ac:spMk id="2" creationId="{B4476D88-0CF6-27B6-74BB-F6EF15285742}"/>
          </ac:spMkLst>
        </pc:spChg>
        <pc:spChg chg="del">
          <ac:chgData name="Bjørn Henrik Hansen" userId="c3228015-c4cd-4dc5-8814-258534644551" providerId="ADAL" clId="{E4EE2BBF-E6B8-4842-AE48-786E274FD108}" dt="2024-08-29T20:48:00.678" v="2114" actId="478"/>
          <ac:spMkLst>
            <pc:docMk/>
            <pc:sldMk cId="3356486676" sldId="334"/>
            <ac:spMk id="3" creationId="{7FFD60A5-453D-019A-8182-028EC07B1352}"/>
          </ac:spMkLst>
        </pc:spChg>
        <pc:picChg chg="add del mod">
          <ac:chgData name="Bjørn Henrik Hansen" userId="c3228015-c4cd-4dc5-8814-258534644551" providerId="ADAL" clId="{E4EE2BBF-E6B8-4842-AE48-786E274FD108}" dt="2024-08-29T20:49:19.909" v="2128" actId="21"/>
          <ac:picMkLst>
            <pc:docMk/>
            <pc:sldMk cId="3356486676" sldId="334"/>
            <ac:picMk id="4" creationId="{63323CCF-EA24-D994-202F-6B6468CA7B27}"/>
          </ac:picMkLst>
        </pc:picChg>
      </pc:sldChg>
      <pc:sldChg chg="addSp delSp modSp new mod ord modAnim">
        <pc:chgData name="Bjørn Henrik Hansen" userId="c3228015-c4cd-4dc5-8814-258534644551" providerId="ADAL" clId="{E4EE2BBF-E6B8-4842-AE48-786E274FD108}" dt="2024-09-01T09:03:48.792" v="8172"/>
        <pc:sldMkLst>
          <pc:docMk/>
          <pc:sldMk cId="1998730819" sldId="335"/>
        </pc:sldMkLst>
        <pc:spChg chg="mod">
          <ac:chgData name="Bjørn Henrik Hansen" userId="c3228015-c4cd-4dc5-8814-258534644551" providerId="ADAL" clId="{E4EE2BBF-E6B8-4842-AE48-786E274FD108}" dt="2024-08-29T22:02:10.262" v="2957" actId="14100"/>
          <ac:spMkLst>
            <pc:docMk/>
            <pc:sldMk cId="1998730819" sldId="335"/>
            <ac:spMk id="2" creationId="{7806CEA9-CF2A-E51C-B732-E887328B6E95}"/>
          </ac:spMkLst>
        </pc:spChg>
        <pc:spChg chg="del">
          <ac:chgData name="Bjørn Henrik Hansen" userId="c3228015-c4cd-4dc5-8814-258534644551" providerId="ADAL" clId="{E4EE2BBF-E6B8-4842-AE48-786E274FD108}" dt="2024-08-29T20:57:29.996" v="2243" actId="478"/>
          <ac:spMkLst>
            <pc:docMk/>
            <pc:sldMk cId="1998730819" sldId="335"/>
            <ac:spMk id="3" creationId="{41FF566E-CC00-911A-FE30-CFF7E9D8110D}"/>
          </ac:spMkLst>
        </pc:spChg>
        <pc:picChg chg="add mod">
          <ac:chgData name="Bjørn Henrik Hansen" userId="c3228015-c4cd-4dc5-8814-258534644551" providerId="ADAL" clId="{E4EE2BBF-E6B8-4842-AE48-786E274FD108}" dt="2024-08-29T20:59:54.926" v="2341" actId="1037"/>
          <ac:picMkLst>
            <pc:docMk/>
            <pc:sldMk cId="1998730819" sldId="335"/>
            <ac:picMk id="4" creationId="{2A79EB33-E216-1800-D5B3-4AD3343C7E3B}"/>
          </ac:picMkLst>
        </pc:picChg>
        <pc:picChg chg="add mod">
          <ac:chgData name="Bjørn Henrik Hansen" userId="c3228015-c4cd-4dc5-8814-258534644551" providerId="ADAL" clId="{E4EE2BBF-E6B8-4842-AE48-786E274FD108}" dt="2024-08-29T20:59:54.926" v="2341" actId="1037"/>
          <ac:picMkLst>
            <pc:docMk/>
            <pc:sldMk cId="1998730819" sldId="335"/>
            <ac:picMk id="5" creationId="{95EA4BDE-54CA-EDFB-E33F-59CAD21793B8}"/>
          </ac:picMkLst>
        </pc:picChg>
        <pc:picChg chg="add mod">
          <ac:chgData name="Bjørn Henrik Hansen" userId="c3228015-c4cd-4dc5-8814-258534644551" providerId="ADAL" clId="{E4EE2BBF-E6B8-4842-AE48-786E274FD108}" dt="2024-08-29T20:59:54.926" v="2341" actId="1037"/>
          <ac:picMkLst>
            <pc:docMk/>
            <pc:sldMk cId="1998730819" sldId="335"/>
            <ac:picMk id="6" creationId="{4CFEEBC5-ECEB-4F6D-8C8B-5DACE778275B}"/>
          </ac:picMkLst>
        </pc:picChg>
        <pc:picChg chg="add mod">
          <ac:chgData name="Bjørn Henrik Hansen" userId="c3228015-c4cd-4dc5-8814-258534644551" providerId="ADAL" clId="{E4EE2BBF-E6B8-4842-AE48-786E274FD108}" dt="2024-08-29T20:58:28.468" v="2279" actId="1076"/>
          <ac:picMkLst>
            <pc:docMk/>
            <pc:sldMk cId="1998730819" sldId="335"/>
            <ac:picMk id="7" creationId="{1F362F20-AB7D-AE33-DD1D-E78B75256F16}"/>
          </ac:picMkLst>
        </pc:picChg>
        <pc:picChg chg="add mod">
          <ac:chgData name="Bjørn Henrik Hansen" userId="c3228015-c4cd-4dc5-8814-258534644551" providerId="ADAL" clId="{E4EE2BBF-E6B8-4842-AE48-786E274FD108}" dt="2024-08-29T21:00:06.780" v="2343" actId="14100"/>
          <ac:picMkLst>
            <pc:docMk/>
            <pc:sldMk cId="1998730819" sldId="335"/>
            <ac:picMk id="8" creationId="{9506C9D9-FD82-4B4D-04CC-3898F1AE3EE6}"/>
          </ac:picMkLst>
        </pc:picChg>
      </pc:sldChg>
      <pc:sldChg chg="addSp delSp modSp add del mod delAnim modAnim">
        <pc:chgData name="Bjørn Henrik Hansen" userId="c3228015-c4cd-4dc5-8814-258534644551" providerId="ADAL" clId="{E4EE2BBF-E6B8-4842-AE48-786E274FD108}" dt="2024-08-30T20:36:14.352" v="7121" actId="2696"/>
        <pc:sldMkLst>
          <pc:docMk/>
          <pc:sldMk cId="577363037" sldId="336"/>
        </pc:sldMkLst>
        <pc:spChg chg="del">
          <ac:chgData name="Bjørn Henrik Hansen" userId="c3228015-c4cd-4dc5-8814-258534644551" providerId="ADAL" clId="{E4EE2BBF-E6B8-4842-AE48-786E274FD108}" dt="2024-08-29T21:17:03.053" v="2590" actId="478"/>
          <ac:spMkLst>
            <pc:docMk/>
            <pc:sldMk cId="577363037" sldId="336"/>
            <ac:spMk id="3" creationId="{4456CA0D-DF9B-AF4A-5581-3587E6A04EA1}"/>
          </ac:spMkLst>
        </pc:spChg>
        <pc:picChg chg="add del mod">
          <ac:chgData name="Bjørn Henrik Hansen" userId="c3228015-c4cd-4dc5-8814-258534644551" providerId="ADAL" clId="{E4EE2BBF-E6B8-4842-AE48-786E274FD108}" dt="2024-08-29T21:15:01.594" v="2568" actId="478"/>
          <ac:picMkLst>
            <pc:docMk/>
            <pc:sldMk cId="577363037" sldId="336"/>
            <ac:picMk id="4" creationId="{FBB1B0C3-3A86-1B1F-9A36-07D89406D9B2}"/>
          </ac:picMkLst>
        </pc:picChg>
        <pc:picChg chg="add mod modCrop">
          <ac:chgData name="Bjørn Henrik Hansen" userId="c3228015-c4cd-4dc5-8814-258534644551" providerId="ADAL" clId="{E4EE2BBF-E6B8-4842-AE48-786E274FD108}" dt="2024-08-29T21:35:14.978" v="2667" actId="1076"/>
          <ac:picMkLst>
            <pc:docMk/>
            <pc:sldMk cId="577363037" sldId="336"/>
            <ac:picMk id="5" creationId="{839E659F-005A-791C-F1DC-109177FB635D}"/>
          </ac:picMkLst>
        </pc:picChg>
        <pc:picChg chg="add mod modCrop">
          <ac:chgData name="Bjørn Henrik Hansen" userId="c3228015-c4cd-4dc5-8814-258534644551" providerId="ADAL" clId="{E4EE2BBF-E6B8-4842-AE48-786E274FD108}" dt="2024-08-29T21:35:18.025" v="2668" actId="1076"/>
          <ac:picMkLst>
            <pc:docMk/>
            <pc:sldMk cId="577363037" sldId="336"/>
            <ac:picMk id="6" creationId="{647151F8-BEA0-263F-C513-B31934E50E0E}"/>
          </ac:picMkLst>
        </pc:picChg>
        <pc:picChg chg="add del mod modCrop">
          <ac:chgData name="Bjørn Henrik Hansen" userId="c3228015-c4cd-4dc5-8814-258534644551" providerId="ADAL" clId="{E4EE2BBF-E6B8-4842-AE48-786E274FD108}" dt="2024-08-29T21:31:51.029" v="2640" actId="478"/>
          <ac:picMkLst>
            <pc:docMk/>
            <pc:sldMk cId="577363037" sldId="336"/>
            <ac:picMk id="7" creationId="{8B65A31D-3175-1ED0-A340-C33D09DF6603}"/>
          </ac:picMkLst>
        </pc:picChg>
        <pc:picChg chg="del">
          <ac:chgData name="Bjørn Henrik Hansen" userId="c3228015-c4cd-4dc5-8814-258534644551" providerId="ADAL" clId="{E4EE2BBF-E6B8-4842-AE48-786E274FD108}" dt="2024-08-29T21:15:03.090" v="2569" actId="478"/>
          <ac:picMkLst>
            <pc:docMk/>
            <pc:sldMk cId="577363037" sldId="336"/>
            <ac:picMk id="8" creationId="{75F14B8B-565D-CFF6-9061-65D8F9D2C885}"/>
          </ac:picMkLst>
        </pc:picChg>
        <pc:picChg chg="add mod modCrop">
          <ac:chgData name="Bjørn Henrik Hansen" userId="c3228015-c4cd-4dc5-8814-258534644551" providerId="ADAL" clId="{E4EE2BBF-E6B8-4842-AE48-786E274FD108}" dt="2024-08-29T21:35:09.718" v="2666" actId="1076"/>
          <ac:picMkLst>
            <pc:docMk/>
            <pc:sldMk cId="577363037" sldId="336"/>
            <ac:picMk id="9" creationId="{B952478A-4E3F-12D7-9964-98E356C00075}"/>
          </ac:picMkLst>
        </pc:picChg>
        <pc:picChg chg="add mod modCrop">
          <ac:chgData name="Bjørn Henrik Hansen" userId="c3228015-c4cd-4dc5-8814-258534644551" providerId="ADAL" clId="{E4EE2BBF-E6B8-4842-AE48-786E274FD108}" dt="2024-08-29T21:35:29.450" v="2671" actId="1076"/>
          <ac:picMkLst>
            <pc:docMk/>
            <pc:sldMk cId="577363037" sldId="336"/>
            <ac:picMk id="10" creationId="{77391B3D-B812-EF0F-FBE4-A66807C75437}"/>
          </ac:picMkLst>
        </pc:picChg>
        <pc:picChg chg="add del mod modCrop">
          <ac:chgData name="Bjørn Henrik Hansen" userId="c3228015-c4cd-4dc5-8814-258534644551" providerId="ADAL" clId="{E4EE2BBF-E6B8-4842-AE48-786E274FD108}" dt="2024-08-29T21:34:06.799" v="2661" actId="478"/>
          <ac:picMkLst>
            <pc:docMk/>
            <pc:sldMk cId="577363037" sldId="336"/>
            <ac:picMk id="11" creationId="{7E31DAD8-2F51-FBE3-2FFB-2E161307D15B}"/>
          </ac:picMkLst>
        </pc:picChg>
        <pc:picChg chg="add mod modCrop">
          <ac:chgData name="Bjørn Henrik Hansen" userId="c3228015-c4cd-4dc5-8814-258534644551" providerId="ADAL" clId="{E4EE2BBF-E6B8-4842-AE48-786E274FD108}" dt="2024-08-29T21:35:21.836" v="2669" actId="1076"/>
          <ac:picMkLst>
            <pc:docMk/>
            <pc:sldMk cId="577363037" sldId="336"/>
            <ac:picMk id="12" creationId="{3CE0152F-0C7A-1E05-BC5C-CF9F93CB05C8}"/>
          </ac:picMkLst>
        </pc:picChg>
        <pc:picChg chg="add mod modCrop">
          <ac:chgData name="Bjørn Henrik Hansen" userId="c3228015-c4cd-4dc5-8814-258534644551" providerId="ADAL" clId="{E4EE2BBF-E6B8-4842-AE48-786E274FD108}" dt="2024-08-29T21:35:25.533" v="2670" actId="1076"/>
          <ac:picMkLst>
            <pc:docMk/>
            <pc:sldMk cId="577363037" sldId="336"/>
            <ac:picMk id="13" creationId="{22BF44AC-2945-B6E3-2F6E-04A772F0A7E0}"/>
          </ac:picMkLst>
        </pc:picChg>
      </pc:sldChg>
      <pc:sldChg chg="addSp modSp add mod ord modAnim">
        <pc:chgData name="Bjørn Henrik Hansen" userId="c3228015-c4cd-4dc5-8814-258534644551" providerId="ADAL" clId="{E4EE2BBF-E6B8-4842-AE48-786E274FD108}" dt="2024-09-01T20:51:38.081" v="13225"/>
        <pc:sldMkLst>
          <pc:docMk/>
          <pc:sldMk cId="2975102614" sldId="337"/>
        </pc:sldMkLst>
        <pc:spChg chg="mod">
          <ac:chgData name="Bjørn Henrik Hansen" userId="c3228015-c4cd-4dc5-8814-258534644551" providerId="ADAL" clId="{E4EE2BBF-E6B8-4842-AE48-786E274FD108}" dt="2024-08-30T19:59:54.268" v="7096" actId="1035"/>
          <ac:spMkLst>
            <pc:docMk/>
            <pc:sldMk cId="2975102614" sldId="337"/>
            <ac:spMk id="2" creationId="{AE4E0DC8-1F5B-C5F1-B40B-0EF2357AB71B}"/>
          </ac:spMkLst>
        </pc:spChg>
        <pc:spChg chg="add mod">
          <ac:chgData name="Bjørn Henrik Hansen" userId="c3228015-c4cd-4dc5-8814-258534644551" providerId="ADAL" clId="{E4EE2BBF-E6B8-4842-AE48-786E274FD108}" dt="2024-09-01T20:20:13.132" v="12313" actId="20577"/>
          <ac:spMkLst>
            <pc:docMk/>
            <pc:sldMk cId="2975102614" sldId="337"/>
            <ac:spMk id="3" creationId="{EE6B5A09-1F5C-66F4-D0DA-184A3EAE4C1A}"/>
          </ac:spMkLst>
        </pc:spChg>
        <pc:spChg chg="add mod">
          <ac:chgData name="Bjørn Henrik Hansen" userId="c3228015-c4cd-4dc5-8814-258534644551" providerId="ADAL" clId="{E4EE2BBF-E6B8-4842-AE48-786E274FD108}" dt="2024-08-30T20:06:11.688" v="7117" actId="20577"/>
          <ac:spMkLst>
            <pc:docMk/>
            <pc:sldMk cId="2975102614" sldId="337"/>
            <ac:spMk id="4" creationId="{B4A97804-518B-E6D3-C5EF-6AF2A7BAAB3A}"/>
          </ac:spMkLst>
        </pc:spChg>
        <pc:picChg chg="mod">
          <ac:chgData name="Bjørn Henrik Hansen" userId="c3228015-c4cd-4dc5-8814-258534644551" providerId="ADAL" clId="{E4EE2BBF-E6B8-4842-AE48-786E274FD108}" dt="2024-08-30T13:17:40.769" v="6772" actId="1076"/>
          <ac:picMkLst>
            <pc:docMk/>
            <pc:sldMk cId="2975102614" sldId="337"/>
            <ac:picMk id="5" creationId="{839E659F-005A-791C-F1DC-109177FB635D}"/>
          </ac:picMkLst>
        </pc:picChg>
        <pc:picChg chg="mod">
          <ac:chgData name="Bjørn Henrik Hansen" userId="c3228015-c4cd-4dc5-8814-258534644551" providerId="ADAL" clId="{E4EE2BBF-E6B8-4842-AE48-786E274FD108}" dt="2024-08-30T13:17:40.769" v="6772" actId="1076"/>
          <ac:picMkLst>
            <pc:docMk/>
            <pc:sldMk cId="2975102614" sldId="337"/>
            <ac:picMk id="6" creationId="{647151F8-BEA0-263F-C513-B31934E50E0E}"/>
          </ac:picMkLst>
        </pc:picChg>
        <pc:picChg chg="mod">
          <ac:chgData name="Bjørn Henrik Hansen" userId="c3228015-c4cd-4dc5-8814-258534644551" providerId="ADAL" clId="{E4EE2BBF-E6B8-4842-AE48-786E274FD108}" dt="2024-08-30T13:17:40.769" v="6772" actId="1076"/>
          <ac:picMkLst>
            <pc:docMk/>
            <pc:sldMk cId="2975102614" sldId="337"/>
            <ac:picMk id="7" creationId="{8B65A31D-3175-1ED0-A340-C33D09DF6603}"/>
          </ac:picMkLst>
        </pc:picChg>
        <pc:picChg chg="mod">
          <ac:chgData name="Bjørn Henrik Hansen" userId="c3228015-c4cd-4dc5-8814-258534644551" providerId="ADAL" clId="{E4EE2BBF-E6B8-4842-AE48-786E274FD108}" dt="2024-08-30T13:17:40.769" v="6772" actId="1076"/>
          <ac:picMkLst>
            <pc:docMk/>
            <pc:sldMk cId="2975102614" sldId="337"/>
            <ac:picMk id="9" creationId="{B952478A-4E3F-12D7-9964-98E356C00075}"/>
          </ac:picMkLst>
        </pc:picChg>
        <pc:picChg chg="add mod">
          <ac:chgData name="Bjørn Henrik Hansen" userId="c3228015-c4cd-4dc5-8814-258534644551" providerId="ADAL" clId="{E4EE2BBF-E6B8-4842-AE48-786E274FD108}" dt="2024-08-30T13:17:45.884" v="6773" actId="1076"/>
          <ac:picMkLst>
            <pc:docMk/>
            <pc:sldMk cId="2975102614" sldId="337"/>
            <ac:picMk id="10" creationId="{77391B3D-B812-EF0F-FBE4-A66807C75437}"/>
          </ac:picMkLst>
        </pc:picChg>
        <pc:picChg chg="add mod">
          <ac:chgData name="Bjørn Henrik Hansen" userId="c3228015-c4cd-4dc5-8814-258534644551" providerId="ADAL" clId="{E4EE2BBF-E6B8-4842-AE48-786E274FD108}" dt="2024-08-30T13:17:45.884" v="6773" actId="1076"/>
          <ac:picMkLst>
            <pc:docMk/>
            <pc:sldMk cId="2975102614" sldId="337"/>
            <ac:picMk id="11" creationId="{7E31DAD8-2F51-FBE3-2FFB-2E161307D15B}"/>
          </ac:picMkLst>
        </pc:picChg>
        <pc:picChg chg="add mod">
          <ac:chgData name="Bjørn Henrik Hansen" userId="c3228015-c4cd-4dc5-8814-258534644551" providerId="ADAL" clId="{E4EE2BBF-E6B8-4842-AE48-786E274FD108}" dt="2024-08-30T13:17:45.884" v="6773" actId="1076"/>
          <ac:picMkLst>
            <pc:docMk/>
            <pc:sldMk cId="2975102614" sldId="337"/>
            <ac:picMk id="12" creationId="{3CE0152F-0C7A-1E05-BC5C-CF9F93CB05C8}"/>
          </ac:picMkLst>
        </pc:picChg>
        <pc:picChg chg="add mod">
          <ac:chgData name="Bjørn Henrik Hansen" userId="c3228015-c4cd-4dc5-8814-258534644551" providerId="ADAL" clId="{E4EE2BBF-E6B8-4842-AE48-786E274FD108}" dt="2024-08-30T13:17:45.884" v="6773" actId="1076"/>
          <ac:picMkLst>
            <pc:docMk/>
            <pc:sldMk cId="2975102614" sldId="337"/>
            <ac:picMk id="13" creationId="{22BF44AC-2945-B6E3-2F6E-04A772F0A7E0}"/>
          </ac:picMkLst>
        </pc:picChg>
      </pc:sldChg>
      <pc:sldChg chg="delSp add del mod ord delAnim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1163793259" sldId="338"/>
        </pc:sldMkLst>
        <pc:picChg chg="del">
          <ac:chgData name="Bjørn Henrik Hansen" userId="c3228015-c4cd-4dc5-8814-258534644551" providerId="ADAL" clId="{E4EE2BBF-E6B8-4842-AE48-786E274FD108}" dt="2024-08-30T13:09:27.285" v="6534" actId="21"/>
          <ac:picMkLst>
            <pc:docMk/>
            <pc:sldMk cId="1163793259" sldId="338"/>
            <ac:picMk id="10" creationId="{77391B3D-B812-EF0F-FBE4-A66807C75437}"/>
          </ac:picMkLst>
        </pc:picChg>
        <pc:picChg chg="del">
          <ac:chgData name="Bjørn Henrik Hansen" userId="c3228015-c4cd-4dc5-8814-258534644551" providerId="ADAL" clId="{E4EE2BBF-E6B8-4842-AE48-786E274FD108}" dt="2024-08-30T13:09:27.285" v="6534" actId="21"/>
          <ac:picMkLst>
            <pc:docMk/>
            <pc:sldMk cId="1163793259" sldId="338"/>
            <ac:picMk id="11" creationId="{7E31DAD8-2F51-FBE3-2FFB-2E161307D15B}"/>
          </ac:picMkLst>
        </pc:picChg>
        <pc:picChg chg="del">
          <ac:chgData name="Bjørn Henrik Hansen" userId="c3228015-c4cd-4dc5-8814-258534644551" providerId="ADAL" clId="{E4EE2BBF-E6B8-4842-AE48-786E274FD108}" dt="2024-08-30T13:09:27.285" v="6534" actId="21"/>
          <ac:picMkLst>
            <pc:docMk/>
            <pc:sldMk cId="1163793259" sldId="338"/>
            <ac:picMk id="12" creationId="{3CE0152F-0C7A-1E05-BC5C-CF9F93CB05C8}"/>
          </ac:picMkLst>
        </pc:picChg>
        <pc:picChg chg="del">
          <ac:chgData name="Bjørn Henrik Hansen" userId="c3228015-c4cd-4dc5-8814-258534644551" providerId="ADAL" clId="{E4EE2BBF-E6B8-4842-AE48-786E274FD108}" dt="2024-08-30T13:09:27.285" v="6534" actId="21"/>
          <ac:picMkLst>
            <pc:docMk/>
            <pc:sldMk cId="1163793259" sldId="338"/>
            <ac:picMk id="13" creationId="{22BF44AC-2945-B6E3-2F6E-04A772F0A7E0}"/>
          </ac:picMkLst>
        </pc:picChg>
      </pc:sldChg>
      <pc:sldChg chg="modSp new del mod">
        <pc:chgData name="Bjørn Henrik Hansen" userId="c3228015-c4cd-4dc5-8814-258534644551" providerId="ADAL" clId="{E4EE2BBF-E6B8-4842-AE48-786E274FD108}" dt="2024-08-30T20:36:14.352" v="7121" actId="2696"/>
        <pc:sldMkLst>
          <pc:docMk/>
          <pc:sldMk cId="3227947874" sldId="339"/>
        </pc:sldMkLst>
        <pc:spChg chg="mod">
          <ac:chgData name="Bjørn Henrik Hansen" userId="c3228015-c4cd-4dc5-8814-258534644551" providerId="ADAL" clId="{E4EE2BBF-E6B8-4842-AE48-786E274FD108}" dt="2024-08-29T21:37:47.873" v="2694" actId="20577"/>
          <ac:spMkLst>
            <pc:docMk/>
            <pc:sldMk cId="3227947874" sldId="339"/>
            <ac:spMk id="2" creationId="{6E660C8B-EA6A-700A-9BE6-83F9B0E90FC0}"/>
          </ac:spMkLst>
        </pc:spChg>
      </pc:sldChg>
      <pc:sldChg chg="addSp modSp add del mod ord">
        <pc:chgData name="Bjørn Henrik Hansen" userId="c3228015-c4cd-4dc5-8814-258534644551" providerId="ADAL" clId="{E4EE2BBF-E6B8-4842-AE48-786E274FD108}" dt="2024-08-30T20:47:06.123" v="7299" actId="47"/>
        <pc:sldMkLst>
          <pc:docMk/>
          <pc:sldMk cId="1056873200" sldId="2134806505"/>
        </pc:sldMkLst>
        <pc:spChg chg="mod">
          <ac:chgData name="Bjørn Henrik Hansen" userId="c3228015-c4cd-4dc5-8814-258534644551" providerId="ADAL" clId="{E4EE2BBF-E6B8-4842-AE48-786E274FD108}" dt="2024-08-30T20:45:36.672" v="7266" actId="113"/>
          <ac:spMkLst>
            <pc:docMk/>
            <pc:sldMk cId="1056873200" sldId="2134806505"/>
            <ac:spMk id="3" creationId="{423FF7F8-CF35-905F-4B1A-3B6135BD58A4}"/>
          </ac:spMkLst>
        </pc:spChg>
        <pc:picChg chg="mod">
          <ac:chgData name="Bjørn Henrik Hansen" userId="c3228015-c4cd-4dc5-8814-258534644551" providerId="ADAL" clId="{E4EE2BBF-E6B8-4842-AE48-786E274FD108}" dt="2024-08-30T20:45:52.365" v="7267" actId="1076"/>
          <ac:picMkLst>
            <pc:docMk/>
            <pc:sldMk cId="1056873200" sldId="2134806505"/>
            <ac:picMk id="6" creationId="{350172AA-135B-54AD-2B76-8D68A22EB92F}"/>
          </ac:picMkLst>
        </pc:picChg>
        <pc:picChg chg="add mod">
          <ac:chgData name="Bjørn Henrik Hansen" userId="c3228015-c4cd-4dc5-8814-258534644551" providerId="ADAL" clId="{E4EE2BBF-E6B8-4842-AE48-786E274FD108}" dt="2024-08-30T07:38:20.828" v="3524" actId="1076"/>
          <ac:picMkLst>
            <pc:docMk/>
            <pc:sldMk cId="1056873200" sldId="2134806505"/>
            <ac:picMk id="1026" creationId="{1E0ED738-2ABD-5889-2C7A-793CA190F606}"/>
          </ac:picMkLst>
        </pc:picChg>
      </pc:sldChg>
      <pc:sldChg chg="add del ord">
        <pc:chgData name="Bjørn Henrik Hansen" userId="c3228015-c4cd-4dc5-8814-258534644551" providerId="ADAL" clId="{E4EE2BBF-E6B8-4842-AE48-786E274FD108}" dt="2024-08-30T20:36:14.352" v="7121" actId="2696"/>
        <pc:sldMkLst>
          <pc:docMk/>
          <pc:sldMk cId="3028382957" sldId="2147197249"/>
        </pc:sldMkLst>
      </pc:sldChg>
      <pc:sldChg chg="add del ord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57094010" sldId="2147197250"/>
        </pc:sldMkLst>
      </pc:sldChg>
      <pc:sldChg chg="modSp add del mod ord">
        <pc:chgData name="Bjørn Henrik Hansen" userId="c3228015-c4cd-4dc5-8814-258534644551" providerId="ADAL" clId="{E4EE2BBF-E6B8-4842-AE48-786E274FD108}" dt="2024-08-30T20:57:20.600" v="7338" actId="47"/>
        <pc:sldMkLst>
          <pc:docMk/>
          <pc:sldMk cId="1810051001" sldId="2147197251"/>
        </pc:sldMkLst>
        <pc:spChg chg="mod">
          <ac:chgData name="Bjørn Henrik Hansen" userId="c3228015-c4cd-4dc5-8814-258534644551" providerId="ADAL" clId="{E4EE2BBF-E6B8-4842-AE48-786E274FD108}" dt="2024-08-30T20:57:10.255" v="7334" actId="21"/>
          <ac:spMkLst>
            <pc:docMk/>
            <pc:sldMk cId="1810051001" sldId="2147197251"/>
            <ac:spMk id="3" creationId="{7AF5F935-FD70-EC95-6938-873A1EB915A7}"/>
          </ac:spMkLst>
        </pc:spChg>
      </pc:sldChg>
      <pc:sldChg chg="modSp new del mod">
        <pc:chgData name="Bjørn Henrik Hansen" userId="c3228015-c4cd-4dc5-8814-258534644551" providerId="ADAL" clId="{E4EE2BBF-E6B8-4842-AE48-786E274FD108}" dt="2024-08-30T20:37:26.315" v="7125" actId="47"/>
        <pc:sldMkLst>
          <pc:docMk/>
          <pc:sldMk cId="3670051717" sldId="2147197252"/>
        </pc:sldMkLst>
        <pc:spChg chg="mod">
          <ac:chgData name="Bjørn Henrik Hansen" userId="c3228015-c4cd-4dc5-8814-258534644551" providerId="ADAL" clId="{E4EE2BBF-E6B8-4842-AE48-786E274FD108}" dt="2024-08-29T21:58:29.611" v="2815" actId="20577"/>
          <ac:spMkLst>
            <pc:docMk/>
            <pc:sldMk cId="3670051717" sldId="2147197252"/>
            <ac:spMk id="2" creationId="{897EA345-A4A0-6616-C986-A79B0D1CFC06}"/>
          </ac:spMkLst>
        </pc:spChg>
        <pc:spChg chg="mod">
          <ac:chgData name="Bjørn Henrik Hansen" userId="c3228015-c4cd-4dc5-8814-258534644551" providerId="ADAL" clId="{E4EE2BBF-E6B8-4842-AE48-786E274FD108}" dt="2024-08-29T21:59:36.226" v="2927" actId="20577"/>
          <ac:spMkLst>
            <pc:docMk/>
            <pc:sldMk cId="3670051717" sldId="2147197252"/>
            <ac:spMk id="3" creationId="{E6E55388-D40D-3995-FD85-E5437569358F}"/>
          </ac:spMkLst>
        </pc:spChg>
      </pc:sldChg>
      <pc:sldChg chg="modSp new del mod modNotesTx">
        <pc:chgData name="Bjørn Henrik Hansen" userId="c3228015-c4cd-4dc5-8814-258534644551" providerId="ADAL" clId="{E4EE2BBF-E6B8-4842-AE48-786E274FD108}" dt="2024-09-01T11:43:12.175" v="9095" actId="47"/>
        <pc:sldMkLst>
          <pc:docMk/>
          <pc:sldMk cId="2926954568" sldId="2147197253"/>
        </pc:sldMkLst>
        <pc:spChg chg="mod">
          <ac:chgData name="Bjørn Henrik Hansen" userId="c3228015-c4cd-4dc5-8814-258534644551" providerId="ADAL" clId="{E4EE2BBF-E6B8-4842-AE48-786E274FD108}" dt="2024-08-30T06:50:07.427" v="2985" actId="20577"/>
          <ac:spMkLst>
            <pc:docMk/>
            <pc:sldMk cId="2926954568" sldId="2147197253"/>
            <ac:spMk id="2" creationId="{FC7F2715-D218-DEA6-7146-AADC0FE818AF}"/>
          </ac:spMkLst>
        </pc:spChg>
        <pc:spChg chg="mod">
          <ac:chgData name="Bjørn Henrik Hansen" userId="c3228015-c4cd-4dc5-8814-258534644551" providerId="ADAL" clId="{E4EE2BBF-E6B8-4842-AE48-786E274FD108}" dt="2024-09-01T09:27:30.347" v="8743" actId="21"/>
          <ac:spMkLst>
            <pc:docMk/>
            <pc:sldMk cId="2926954568" sldId="2147197253"/>
            <ac:spMk id="3" creationId="{1627AE2E-EC13-48DC-B6BB-2BBF3EDB519A}"/>
          </ac:spMkLst>
        </pc:spChg>
      </pc:sldChg>
      <pc:sldChg chg="addSp delSp modSp new del mod ord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1654581259" sldId="2147197254"/>
        </pc:sldMkLst>
        <pc:spChg chg="mod">
          <ac:chgData name="Bjørn Henrik Hansen" userId="c3228015-c4cd-4dc5-8814-258534644551" providerId="ADAL" clId="{E4EE2BBF-E6B8-4842-AE48-786E274FD108}" dt="2024-08-30T06:55:45.807" v="3118" actId="20577"/>
          <ac:spMkLst>
            <pc:docMk/>
            <pc:sldMk cId="1654581259" sldId="2147197254"/>
            <ac:spMk id="2" creationId="{D5DDAB43-D021-35AD-459D-D601576135FB}"/>
          </ac:spMkLst>
        </pc:spChg>
        <pc:spChg chg="mod">
          <ac:chgData name="Bjørn Henrik Hansen" userId="c3228015-c4cd-4dc5-8814-258534644551" providerId="ADAL" clId="{E4EE2BBF-E6B8-4842-AE48-786E274FD108}" dt="2024-08-30T06:56:04.144" v="3164" actId="20577"/>
          <ac:spMkLst>
            <pc:docMk/>
            <pc:sldMk cId="1654581259" sldId="2147197254"/>
            <ac:spMk id="3" creationId="{F04D980D-798B-723E-1C5B-B4419F31FC8A}"/>
          </ac:spMkLst>
        </pc:spChg>
        <pc:picChg chg="add del mod">
          <ac:chgData name="Bjørn Henrik Hansen" userId="c3228015-c4cd-4dc5-8814-258534644551" providerId="ADAL" clId="{E4EE2BBF-E6B8-4842-AE48-786E274FD108}" dt="2024-08-30T07:04:50.173" v="3186" actId="478"/>
          <ac:picMkLst>
            <pc:docMk/>
            <pc:sldMk cId="1654581259" sldId="2147197254"/>
            <ac:picMk id="5" creationId="{71C14361-2B49-70B0-4912-24A54ABC69A1}"/>
          </ac:picMkLst>
        </pc:picChg>
        <pc:picChg chg="add mod modCrop">
          <ac:chgData name="Bjørn Henrik Hansen" userId="c3228015-c4cd-4dc5-8814-258534644551" providerId="ADAL" clId="{E4EE2BBF-E6B8-4842-AE48-786E274FD108}" dt="2024-08-30T07:05:28.187" v="3191"/>
          <ac:picMkLst>
            <pc:docMk/>
            <pc:sldMk cId="1654581259" sldId="2147197254"/>
            <ac:picMk id="7" creationId="{08197489-3F4A-381B-C47A-9C12DE8D2DBE}"/>
          </ac:picMkLst>
        </pc:picChg>
        <pc:picChg chg="add mod modCrop">
          <ac:chgData name="Bjørn Henrik Hansen" userId="c3228015-c4cd-4dc5-8814-258534644551" providerId="ADAL" clId="{E4EE2BBF-E6B8-4842-AE48-786E274FD108}" dt="2024-08-30T07:06:05.667" v="3193" actId="688"/>
          <ac:picMkLst>
            <pc:docMk/>
            <pc:sldMk cId="1654581259" sldId="2147197254"/>
            <ac:picMk id="9" creationId="{C306D697-F158-5923-68FC-CF51D4CB4F9D}"/>
          </ac:picMkLst>
        </pc:picChg>
      </pc:sldChg>
      <pc:sldChg chg="addSp delSp modSp add mod modAnim modNotesTx">
        <pc:chgData name="Bjørn Henrik Hansen" userId="c3228015-c4cd-4dc5-8814-258534644551" providerId="ADAL" clId="{E4EE2BBF-E6B8-4842-AE48-786E274FD108}" dt="2024-09-02T09:43:45.710" v="13378" actId="5793"/>
        <pc:sldMkLst>
          <pc:docMk/>
          <pc:sldMk cId="255478100" sldId="2147197255"/>
        </pc:sldMkLst>
        <pc:spChg chg="mod">
          <ac:chgData name="Bjørn Henrik Hansen" userId="c3228015-c4cd-4dc5-8814-258534644551" providerId="ADAL" clId="{E4EE2BBF-E6B8-4842-AE48-786E274FD108}" dt="2024-08-30T09:12:04.161" v="4687" actId="1076"/>
          <ac:spMkLst>
            <pc:docMk/>
            <pc:sldMk cId="255478100" sldId="2147197255"/>
            <ac:spMk id="2" creationId="{D5DDAB43-D021-35AD-459D-D601576135FB}"/>
          </ac:spMkLst>
        </pc:spChg>
        <pc:spChg chg="mod">
          <ac:chgData name="Bjørn Henrik Hansen" userId="c3228015-c4cd-4dc5-8814-258534644551" providerId="ADAL" clId="{E4EE2BBF-E6B8-4842-AE48-786E274FD108}" dt="2024-08-30T09:13:22.778" v="4725" actId="1036"/>
          <ac:spMkLst>
            <pc:docMk/>
            <pc:sldMk cId="255478100" sldId="2147197255"/>
            <ac:spMk id="3" creationId="{F04D980D-798B-723E-1C5B-B4419F31FC8A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8" creationId="{7FD26B72-3920-BB3A-5D0F-CB919486B451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10" creationId="{7F7D2CAB-C069-BF3F-A3F5-F38E6B6CA562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11" creationId="{699B7B1D-5EC4-88DD-D2C1-2E49FC4C7607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12" creationId="{35F0B1A0-1607-5421-1781-E873003BA7DC}"/>
          </ac:spMkLst>
        </pc:spChg>
        <pc:spChg chg="add mod">
          <ac:chgData name="Bjørn Henrik Hansen" userId="c3228015-c4cd-4dc5-8814-258534644551" providerId="ADAL" clId="{E4EE2BBF-E6B8-4842-AE48-786E274FD108}" dt="2024-08-30T07:54:30.523" v="3645" actId="767"/>
          <ac:spMkLst>
            <pc:docMk/>
            <pc:sldMk cId="255478100" sldId="2147197255"/>
            <ac:spMk id="13" creationId="{215B00B0-28EB-825B-0AAF-3BBF99EC88EB}"/>
          </ac:spMkLst>
        </pc:spChg>
        <pc:spChg chg="add mod or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14" creationId="{03EA2B87-E403-19AF-6F81-257D5145542D}"/>
          </ac:spMkLst>
        </pc:spChg>
        <pc:spChg chg="add mod or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15" creationId="{396E22B0-13E3-F5BF-F911-B9AC6A372A3E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16" creationId="{E883A94E-652B-2636-504A-8B6EB54B46C0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17" creationId="{AAFDA07F-6B4F-5B4B-FFD6-B935BA8249EC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25" creationId="{C59DCB3A-12D9-ADA4-A5A7-7B35EDAF352A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26" creationId="{50DDA99E-979C-EFC9-522A-5EF024793ED8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27" creationId="{A74EE5FC-E986-6F29-4432-0F428497B360}"/>
          </ac:spMkLst>
        </pc:spChg>
        <pc:spChg chg="add mod">
          <ac:chgData name="Bjørn Henrik Hansen" userId="c3228015-c4cd-4dc5-8814-258534644551" providerId="ADAL" clId="{E4EE2BBF-E6B8-4842-AE48-786E274FD108}" dt="2024-08-30T09:13:28.722" v="4733" actId="1035"/>
          <ac:spMkLst>
            <pc:docMk/>
            <pc:sldMk cId="255478100" sldId="2147197255"/>
            <ac:spMk id="28" creationId="{88DCFBD5-A0BC-3B14-AA59-D2BD7F96D471}"/>
          </ac:spMkLst>
        </pc:spChg>
        <pc:picChg chg="add mod">
          <ac:chgData name="Bjørn Henrik Hansen" userId="c3228015-c4cd-4dc5-8814-258534644551" providerId="ADAL" clId="{E4EE2BBF-E6B8-4842-AE48-786E274FD108}" dt="2024-08-30T09:13:28.722" v="4733" actId="1035"/>
          <ac:picMkLst>
            <pc:docMk/>
            <pc:sldMk cId="255478100" sldId="2147197255"/>
            <ac:picMk id="4" creationId="{08A24BDA-4F1D-E5A4-B8DF-3D06F17DB5E1}"/>
          </ac:picMkLst>
        </pc:picChg>
        <pc:picChg chg="add mod modCrop">
          <ac:chgData name="Bjørn Henrik Hansen" userId="c3228015-c4cd-4dc5-8814-258534644551" providerId="ADAL" clId="{E4EE2BBF-E6B8-4842-AE48-786E274FD108}" dt="2024-08-30T09:13:28.722" v="4733" actId="1035"/>
          <ac:picMkLst>
            <pc:docMk/>
            <pc:sldMk cId="255478100" sldId="2147197255"/>
            <ac:picMk id="6" creationId="{E58625C4-CB38-4455-7E6E-77118F32F375}"/>
          </ac:picMkLst>
        </pc:picChg>
        <pc:picChg chg="mod">
          <ac:chgData name="Bjørn Henrik Hansen" userId="c3228015-c4cd-4dc5-8814-258534644551" providerId="ADAL" clId="{E4EE2BBF-E6B8-4842-AE48-786E274FD108}" dt="2024-08-30T09:13:28.722" v="4733" actId="1035"/>
          <ac:picMkLst>
            <pc:docMk/>
            <pc:sldMk cId="255478100" sldId="2147197255"/>
            <ac:picMk id="7" creationId="{08197489-3F4A-381B-C47A-9C12DE8D2DBE}"/>
          </ac:picMkLst>
        </pc:picChg>
        <pc:picChg chg="mod">
          <ac:chgData name="Bjørn Henrik Hansen" userId="c3228015-c4cd-4dc5-8814-258534644551" providerId="ADAL" clId="{E4EE2BBF-E6B8-4842-AE48-786E274FD108}" dt="2024-08-30T09:13:28.722" v="4733" actId="1035"/>
          <ac:picMkLst>
            <pc:docMk/>
            <pc:sldMk cId="255478100" sldId="2147197255"/>
            <ac:picMk id="9" creationId="{C306D697-F158-5923-68FC-CF51D4CB4F9D}"/>
          </ac:picMkLst>
        </pc:picChg>
        <pc:picChg chg="add mod">
          <ac:chgData name="Bjørn Henrik Hansen" userId="c3228015-c4cd-4dc5-8814-258534644551" providerId="ADAL" clId="{E4EE2BBF-E6B8-4842-AE48-786E274FD108}" dt="2024-08-30T09:13:22.778" v="4725" actId="1036"/>
          <ac:picMkLst>
            <pc:docMk/>
            <pc:sldMk cId="255478100" sldId="2147197255"/>
            <ac:picMk id="18" creationId="{0FC01ED8-66CA-880F-0CB6-11F8079A315B}"/>
          </ac:picMkLst>
        </pc:picChg>
        <pc:picChg chg="add del mod">
          <ac:chgData name="Bjørn Henrik Hansen" userId="c3228015-c4cd-4dc5-8814-258534644551" providerId="ADAL" clId="{E4EE2BBF-E6B8-4842-AE48-786E274FD108}" dt="2024-08-30T08:05:37.731" v="3853" actId="478"/>
          <ac:picMkLst>
            <pc:docMk/>
            <pc:sldMk cId="255478100" sldId="2147197255"/>
            <ac:picMk id="19" creationId="{27E9CB1B-6928-6CC4-60CB-D523AD3E6DAA}"/>
          </ac:picMkLst>
        </pc:picChg>
        <pc:picChg chg="add mod">
          <ac:chgData name="Bjørn Henrik Hansen" userId="c3228015-c4cd-4dc5-8814-258534644551" providerId="ADAL" clId="{E4EE2BBF-E6B8-4842-AE48-786E274FD108}" dt="2024-08-30T09:13:22.778" v="4725" actId="1036"/>
          <ac:picMkLst>
            <pc:docMk/>
            <pc:sldMk cId="255478100" sldId="2147197255"/>
            <ac:picMk id="20" creationId="{FD8F96CD-2457-E6D5-8A70-50AFED6A823B}"/>
          </ac:picMkLst>
        </pc:picChg>
        <pc:picChg chg="add del mod">
          <ac:chgData name="Bjørn Henrik Hansen" userId="c3228015-c4cd-4dc5-8814-258534644551" providerId="ADAL" clId="{E4EE2BBF-E6B8-4842-AE48-786E274FD108}" dt="2024-08-30T08:20:07.782" v="3882" actId="478"/>
          <ac:picMkLst>
            <pc:docMk/>
            <pc:sldMk cId="255478100" sldId="2147197255"/>
            <ac:picMk id="22" creationId="{45D44596-243B-65D6-436D-CD0061204A33}"/>
          </ac:picMkLst>
        </pc:picChg>
        <pc:picChg chg="add mod ord">
          <ac:chgData name="Bjørn Henrik Hansen" userId="c3228015-c4cd-4dc5-8814-258534644551" providerId="ADAL" clId="{E4EE2BBF-E6B8-4842-AE48-786E274FD108}" dt="2024-08-30T09:13:28.722" v="4733" actId="1035"/>
          <ac:picMkLst>
            <pc:docMk/>
            <pc:sldMk cId="255478100" sldId="2147197255"/>
            <ac:picMk id="24" creationId="{C3F4E064-FA88-B655-8C62-35A4A24CA247}"/>
          </ac:picMkLst>
        </pc:picChg>
      </pc:sldChg>
      <pc:sldChg chg="modSp new del mod">
        <pc:chgData name="Bjørn Henrik Hansen" userId="c3228015-c4cd-4dc5-8814-258534644551" providerId="ADAL" clId="{E4EE2BBF-E6B8-4842-AE48-786E274FD108}" dt="2024-08-30T20:08:34.435" v="7118" actId="47"/>
        <pc:sldMkLst>
          <pc:docMk/>
          <pc:sldMk cId="2613533716" sldId="2147197256"/>
        </pc:sldMkLst>
        <pc:spChg chg="mod">
          <ac:chgData name="Bjørn Henrik Hansen" userId="c3228015-c4cd-4dc5-8814-258534644551" providerId="ADAL" clId="{E4EE2BBF-E6B8-4842-AE48-786E274FD108}" dt="2024-08-30T07:33:47.360" v="3493" actId="20577"/>
          <ac:spMkLst>
            <pc:docMk/>
            <pc:sldMk cId="2613533716" sldId="2147197256"/>
            <ac:spMk id="2" creationId="{23C633F8-9A2E-7411-2CE2-B4CBCCC77799}"/>
          </ac:spMkLst>
        </pc:spChg>
        <pc:spChg chg="mod">
          <ac:chgData name="Bjørn Henrik Hansen" userId="c3228015-c4cd-4dc5-8814-258534644551" providerId="ADAL" clId="{E4EE2BBF-E6B8-4842-AE48-786E274FD108}" dt="2024-08-30T07:33:35.105" v="3485" actId="20577"/>
          <ac:spMkLst>
            <pc:docMk/>
            <pc:sldMk cId="2613533716" sldId="2147197256"/>
            <ac:spMk id="3" creationId="{29CE4591-C701-C170-CB55-F76A15C31766}"/>
          </ac:spMkLst>
        </pc:spChg>
      </pc:sldChg>
      <pc:sldChg chg="addSp delSp modSp new mod modAnim">
        <pc:chgData name="Bjørn Henrik Hansen" userId="c3228015-c4cd-4dc5-8814-258534644551" providerId="ADAL" clId="{E4EE2BBF-E6B8-4842-AE48-786E274FD108}" dt="2024-09-01T20:42:21.618" v="13099" actId="1076"/>
        <pc:sldMkLst>
          <pc:docMk/>
          <pc:sldMk cId="3984083525" sldId="2147197257"/>
        </pc:sldMkLst>
        <pc:spChg chg="mod">
          <ac:chgData name="Bjørn Henrik Hansen" userId="c3228015-c4cd-4dc5-8814-258534644551" providerId="ADAL" clId="{E4EE2BBF-E6B8-4842-AE48-786E274FD108}" dt="2024-09-01T09:13:28.084" v="8237" actId="6549"/>
          <ac:spMkLst>
            <pc:docMk/>
            <pc:sldMk cId="3984083525" sldId="2147197257"/>
            <ac:spMk id="2" creationId="{E98FED60-F11A-B957-1BAF-D8F68B283A82}"/>
          </ac:spMkLst>
        </pc:spChg>
        <pc:spChg chg="del mod">
          <ac:chgData name="Bjørn Henrik Hansen" userId="c3228015-c4cd-4dc5-8814-258534644551" providerId="ADAL" clId="{E4EE2BBF-E6B8-4842-AE48-786E274FD108}" dt="2024-08-30T08:37:37.276" v="4189" actId="478"/>
          <ac:spMkLst>
            <pc:docMk/>
            <pc:sldMk cId="3984083525" sldId="2147197257"/>
            <ac:spMk id="3" creationId="{6CCFEA12-DD45-5528-77CE-C5421735D2EF}"/>
          </ac:spMkLst>
        </pc:spChg>
        <pc:spChg chg="add del mod">
          <ac:chgData name="Bjørn Henrik Hansen" userId="c3228015-c4cd-4dc5-8814-258534644551" providerId="ADAL" clId="{E4EE2BBF-E6B8-4842-AE48-786E274FD108}" dt="2024-08-30T08:34:11.106" v="4144" actId="478"/>
          <ac:spMkLst>
            <pc:docMk/>
            <pc:sldMk cId="3984083525" sldId="2147197257"/>
            <ac:spMk id="7" creationId="{9A4CF232-F1FD-17F4-BF92-E2F8FE60DE41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14" creationId="{510A26DF-F7CD-A0B9-E5D2-092392B8AF89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15" creationId="{222ED4E3-A62D-DB91-F2A2-EE93CD925DF9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19" creationId="{F7E5DD0B-3C08-DC4E-D154-AEEF5BFDCD15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20" creationId="{2A8BC91A-91D9-E4BF-ED66-923B8BE4E6B6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21" creationId="{24E2DA54-41BA-8070-9BBB-1CE0623C86E3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22" creationId="{50144F53-DF43-3843-D9F2-975C8BF452D9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23" creationId="{3389C565-647D-07EC-06FE-CAB35DDB0A1B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24" creationId="{02145AD5-FBEC-576C-C0C8-1AB91BB13BDA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25" creationId="{7CB1739B-7351-B67D-0969-5EBE61485713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26" creationId="{8927C55E-2DE5-4210-57ED-492842DDAA98}"/>
          </ac:spMkLst>
        </pc:spChg>
        <pc:spChg chg="del mod topLvl">
          <ac:chgData name="Bjørn Henrik Hansen" userId="c3228015-c4cd-4dc5-8814-258534644551" providerId="ADAL" clId="{E4EE2BBF-E6B8-4842-AE48-786E274FD108}" dt="2024-08-30T08:38:39.443" v="4202" actId="478"/>
          <ac:spMkLst>
            <pc:docMk/>
            <pc:sldMk cId="3984083525" sldId="2147197257"/>
            <ac:spMk id="27" creationId="{84A9EB53-1F9A-E894-57E3-01D45A77FA17}"/>
          </ac:spMkLst>
        </pc:spChg>
        <pc:spChg chg="add mod">
          <ac:chgData name="Bjørn Henrik Hansen" userId="c3228015-c4cd-4dc5-8814-258534644551" providerId="ADAL" clId="{E4EE2BBF-E6B8-4842-AE48-786E274FD108}" dt="2024-08-30T08:34:52.952" v="4147"/>
          <ac:spMkLst>
            <pc:docMk/>
            <pc:sldMk cId="3984083525" sldId="2147197257"/>
            <ac:spMk id="28" creationId="{F1A257C7-F8FB-FC9C-1172-F9220C29CD3C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35" creationId="{C15ABF21-A7C4-106A-5CA4-654CB692B147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36" creationId="{D80CA059-0470-C4D0-D84F-5886F9E7DE8C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40" creationId="{43052632-436F-31F9-9E55-87CA6DB49F7D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41" creationId="{6A725BC7-F44C-6977-2602-61C535A5D4AD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42" creationId="{2192E7D0-D165-FA25-521F-6EF2A9652C23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43" creationId="{A59CDFE8-71B5-676B-31EA-1282D8FB85B2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44" creationId="{4FE89CCC-29BA-F03D-9D1D-1BC015732A45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45" creationId="{866FA1AB-1491-03AA-85D2-E230402F1367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46" creationId="{D5FE75CC-CDCA-C14C-6B73-038B4151C678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47" creationId="{FED1B6B7-5672-4E2A-1F73-761A41456373}"/>
          </ac:spMkLst>
        </pc:spChg>
        <pc:spChg chg="mod">
          <ac:chgData name="Bjørn Henrik Hansen" userId="c3228015-c4cd-4dc5-8814-258534644551" providerId="ADAL" clId="{E4EE2BBF-E6B8-4842-AE48-786E274FD108}" dt="2024-08-30T08:34:51.226" v="4146"/>
          <ac:spMkLst>
            <pc:docMk/>
            <pc:sldMk cId="3984083525" sldId="2147197257"/>
            <ac:spMk id="48" creationId="{F796D60A-171A-8E14-33A4-DC15FAC98C9A}"/>
          </ac:spMkLst>
        </pc:spChg>
        <pc:spChg chg="add mod">
          <ac:chgData name="Bjørn Henrik Hansen" userId="c3228015-c4cd-4dc5-8814-258534644551" providerId="ADAL" clId="{E4EE2BBF-E6B8-4842-AE48-786E274FD108}" dt="2024-08-30T09:14:11.281" v="4834" actId="1035"/>
          <ac:spMkLst>
            <pc:docMk/>
            <pc:sldMk cId="3984083525" sldId="2147197257"/>
            <ac:spMk id="49" creationId="{D67E9DCC-CBF4-5E10-5C76-1C3432A18943}"/>
          </ac:spMkLst>
        </pc:spChg>
        <pc:spChg chg="add mod">
          <ac:chgData name="Bjørn Henrik Hansen" userId="c3228015-c4cd-4dc5-8814-258534644551" providerId="ADAL" clId="{E4EE2BBF-E6B8-4842-AE48-786E274FD108}" dt="2024-08-30T09:14:11.281" v="4834" actId="1035"/>
          <ac:spMkLst>
            <pc:docMk/>
            <pc:sldMk cId="3984083525" sldId="2147197257"/>
            <ac:spMk id="50" creationId="{265F0E2C-719E-5196-2E21-657942F51612}"/>
          </ac:spMkLst>
        </pc:spChg>
        <pc:spChg chg="add mod">
          <ac:chgData name="Bjørn Henrik Hansen" userId="c3228015-c4cd-4dc5-8814-258534644551" providerId="ADAL" clId="{E4EE2BBF-E6B8-4842-AE48-786E274FD108}" dt="2024-08-30T09:14:11.281" v="4834" actId="1035"/>
          <ac:spMkLst>
            <pc:docMk/>
            <pc:sldMk cId="3984083525" sldId="2147197257"/>
            <ac:spMk id="51" creationId="{1677685C-9B73-A52F-3EB2-676282852F3B}"/>
          </ac:spMkLst>
        </pc:spChg>
        <pc:spChg chg="add del mod">
          <ac:chgData name="Bjørn Henrik Hansen" userId="c3228015-c4cd-4dc5-8814-258534644551" providerId="ADAL" clId="{E4EE2BBF-E6B8-4842-AE48-786E274FD108}" dt="2024-08-30T08:37:39.759" v="4190" actId="478"/>
          <ac:spMkLst>
            <pc:docMk/>
            <pc:sldMk cId="3984083525" sldId="2147197257"/>
            <ac:spMk id="53" creationId="{963C5EF5-DE4A-FB0A-13EA-B3930325EBCA}"/>
          </ac:spMkLst>
        </pc:spChg>
        <pc:spChg chg="add mod">
          <ac:chgData name="Bjørn Henrik Hansen" userId="c3228015-c4cd-4dc5-8814-258534644551" providerId="ADAL" clId="{E4EE2BBF-E6B8-4842-AE48-786E274FD108}" dt="2024-08-30T20:55:26.787" v="7315" actId="1076"/>
          <ac:spMkLst>
            <pc:docMk/>
            <pc:sldMk cId="3984083525" sldId="2147197257"/>
            <ac:spMk id="54" creationId="{7E0B1BE2-42CD-3036-81D8-0C2BE58EC7C0}"/>
          </ac:spMkLst>
        </pc:spChg>
        <pc:spChg chg="add mod">
          <ac:chgData name="Bjørn Henrik Hansen" userId="c3228015-c4cd-4dc5-8814-258534644551" providerId="ADAL" clId="{E4EE2BBF-E6B8-4842-AE48-786E274FD108}" dt="2024-09-01T20:42:21.618" v="13099" actId="1076"/>
          <ac:spMkLst>
            <pc:docMk/>
            <pc:sldMk cId="3984083525" sldId="2147197257"/>
            <ac:spMk id="57" creationId="{4B32FEAC-7231-7A09-740A-7CD5A9A8A119}"/>
          </ac:spMkLst>
        </pc:spChg>
        <pc:spChg chg="add del mod">
          <ac:chgData name="Bjørn Henrik Hansen" userId="c3228015-c4cd-4dc5-8814-258534644551" providerId="ADAL" clId="{E4EE2BBF-E6B8-4842-AE48-786E274FD108}" dt="2024-08-30T20:55:32.693" v="7316" actId="1076"/>
          <ac:spMkLst>
            <pc:docMk/>
            <pc:sldMk cId="3984083525" sldId="2147197257"/>
            <ac:spMk id="59" creationId="{E5AA0C25-1EE0-9F4C-AC90-D0734AA1DFC3}"/>
          </ac:spMkLst>
        </pc:spChg>
        <pc:grpChg chg="add del mod">
          <ac:chgData name="Bjørn Henrik Hansen" userId="c3228015-c4cd-4dc5-8814-258534644551" providerId="ADAL" clId="{E4EE2BBF-E6B8-4842-AE48-786E274FD108}" dt="2024-08-30T08:38:28.570" v="4198" actId="165"/>
          <ac:grpSpMkLst>
            <pc:docMk/>
            <pc:sldMk cId="3984083525" sldId="2147197257"/>
            <ac:grpSpMk id="8" creationId="{5BC9BC8D-6C3E-C82F-57CB-BF54C21C303D}"/>
          </ac:grpSpMkLst>
        </pc:grpChg>
        <pc:grpChg chg="add mod">
          <ac:chgData name="Bjørn Henrik Hansen" userId="c3228015-c4cd-4dc5-8814-258534644551" providerId="ADAL" clId="{E4EE2BBF-E6B8-4842-AE48-786E274FD108}" dt="2024-08-30T08:34:51.226" v="4146"/>
          <ac:grpSpMkLst>
            <pc:docMk/>
            <pc:sldMk cId="3984083525" sldId="2147197257"/>
            <ac:grpSpMk id="29" creationId="{BFBED3AB-5BAD-F0EE-50D8-F8B60AC17CF4}"/>
          </ac:grpSpMkLst>
        </pc:grpChg>
        <pc:graphicFrameChg chg="add mod modGraphic">
          <ac:chgData name="Bjørn Henrik Hansen" userId="c3228015-c4cd-4dc5-8814-258534644551" providerId="ADAL" clId="{E4EE2BBF-E6B8-4842-AE48-786E274FD108}" dt="2024-08-30T08:54:17.669" v="4608" actId="14734"/>
          <ac:graphicFrameMkLst>
            <pc:docMk/>
            <pc:sldMk cId="3984083525" sldId="2147197257"/>
            <ac:graphicFrameMk id="55" creationId="{0CAF621E-6556-E4DD-81E9-EB2E22950752}"/>
          </ac:graphicFrameMkLst>
        </pc:graphicFrameChg>
        <pc:graphicFrameChg chg="add mod modGraphic">
          <ac:chgData name="Bjørn Henrik Hansen" userId="c3228015-c4cd-4dc5-8814-258534644551" providerId="ADAL" clId="{E4EE2BBF-E6B8-4842-AE48-786E274FD108}" dt="2024-08-30T08:52:57.214" v="4599" actId="122"/>
          <ac:graphicFrameMkLst>
            <pc:docMk/>
            <pc:sldMk cId="3984083525" sldId="2147197257"/>
            <ac:graphicFrameMk id="56" creationId="{93066E89-EA04-2896-0DE1-C184127028B2}"/>
          </ac:graphicFrameMkLst>
        </pc:graphicFrameChg>
        <pc:picChg chg="add mod">
          <ac:chgData name="Bjørn Henrik Hansen" userId="c3228015-c4cd-4dc5-8814-258534644551" providerId="ADAL" clId="{E4EE2BBF-E6B8-4842-AE48-786E274FD108}" dt="2024-08-30T09:14:11.281" v="4834" actId="1035"/>
          <ac:picMkLst>
            <pc:docMk/>
            <pc:sldMk cId="3984083525" sldId="2147197257"/>
            <ac:picMk id="4" creationId="{0471AC98-52E6-D68D-3CD0-7186CCABBABB}"/>
          </ac:picMkLst>
        </pc:picChg>
        <pc:picChg chg="add mod">
          <ac:chgData name="Bjørn Henrik Hansen" userId="c3228015-c4cd-4dc5-8814-258534644551" providerId="ADAL" clId="{E4EE2BBF-E6B8-4842-AE48-786E274FD108}" dt="2024-08-30T09:14:11.281" v="4834" actId="1035"/>
          <ac:picMkLst>
            <pc:docMk/>
            <pc:sldMk cId="3984083525" sldId="2147197257"/>
            <ac:picMk id="5" creationId="{5D170AA9-55DD-2376-0A70-EE0688AC276E}"/>
          </ac:picMkLst>
        </pc:picChg>
        <pc:picChg chg="add mod">
          <ac:chgData name="Bjørn Henrik Hansen" userId="c3228015-c4cd-4dc5-8814-258534644551" providerId="ADAL" clId="{E4EE2BBF-E6B8-4842-AE48-786E274FD108}" dt="2024-08-30T09:14:11.281" v="4834" actId="1035"/>
          <ac:picMkLst>
            <pc:docMk/>
            <pc:sldMk cId="3984083525" sldId="2147197257"/>
            <ac:picMk id="6" creationId="{4E3F8009-016E-41C6-9C4F-1B94B279853D}"/>
          </ac:picMkLst>
        </pc:picChg>
        <pc:picChg chg="del mod topLvl">
          <ac:chgData name="Bjørn Henrik Hansen" userId="c3228015-c4cd-4dc5-8814-258534644551" providerId="ADAL" clId="{E4EE2BBF-E6B8-4842-AE48-786E274FD108}" dt="2024-08-30T08:50:32.394" v="4517" actId="21"/>
          <ac:picMkLst>
            <pc:docMk/>
            <pc:sldMk cId="3984083525" sldId="2147197257"/>
            <ac:picMk id="9" creationId="{7A72BB4D-9DB5-5A8D-4BE0-9E9E9F7EF01B}"/>
          </ac:picMkLst>
        </pc:picChg>
        <pc:picChg chg="del mod topLvl">
          <ac:chgData name="Bjørn Henrik Hansen" userId="c3228015-c4cd-4dc5-8814-258534644551" providerId="ADAL" clId="{E4EE2BBF-E6B8-4842-AE48-786E274FD108}" dt="2024-08-30T08:38:39.443" v="4202" actId="478"/>
          <ac:picMkLst>
            <pc:docMk/>
            <pc:sldMk cId="3984083525" sldId="2147197257"/>
            <ac:picMk id="10" creationId="{FB11F62B-9C32-9467-371E-61E30A34997B}"/>
          </ac:picMkLst>
        </pc:picChg>
        <pc:picChg chg="del mod topLvl">
          <ac:chgData name="Bjørn Henrik Hansen" userId="c3228015-c4cd-4dc5-8814-258534644551" providerId="ADAL" clId="{E4EE2BBF-E6B8-4842-AE48-786E274FD108}" dt="2024-08-30T08:38:39.443" v="4202" actId="478"/>
          <ac:picMkLst>
            <pc:docMk/>
            <pc:sldMk cId="3984083525" sldId="2147197257"/>
            <ac:picMk id="11" creationId="{7AD024AC-ECDE-D7E6-9677-23F01C96BE05}"/>
          </ac:picMkLst>
        </pc:picChg>
        <pc:picChg chg="del mod topLvl">
          <ac:chgData name="Bjørn Henrik Hansen" userId="c3228015-c4cd-4dc5-8814-258534644551" providerId="ADAL" clId="{E4EE2BBF-E6B8-4842-AE48-786E274FD108}" dt="2024-08-30T08:38:39.443" v="4202" actId="478"/>
          <ac:picMkLst>
            <pc:docMk/>
            <pc:sldMk cId="3984083525" sldId="2147197257"/>
            <ac:picMk id="12" creationId="{381BD797-4D17-75C2-CC61-01927D4AF631}"/>
          </ac:picMkLst>
        </pc:picChg>
        <pc:picChg chg="del mod topLvl">
          <ac:chgData name="Bjørn Henrik Hansen" userId="c3228015-c4cd-4dc5-8814-258534644551" providerId="ADAL" clId="{E4EE2BBF-E6B8-4842-AE48-786E274FD108}" dt="2024-08-30T08:38:39.443" v="4202" actId="478"/>
          <ac:picMkLst>
            <pc:docMk/>
            <pc:sldMk cId="3984083525" sldId="2147197257"/>
            <ac:picMk id="13" creationId="{F705B621-589F-430A-70CE-113A043C3BA9}"/>
          </ac:picMkLst>
        </pc:picChg>
        <pc:picChg chg="del mod topLvl">
          <ac:chgData name="Bjørn Henrik Hansen" userId="c3228015-c4cd-4dc5-8814-258534644551" providerId="ADAL" clId="{E4EE2BBF-E6B8-4842-AE48-786E274FD108}" dt="2024-08-30T08:38:39.443" v="4202" actId="478"/>
          <ac:picMkLst>
            <pc:docMk/>
            <pc:sldMk cId="3984083525" sldId="2147197257"/>
            <ac:picMk id="16" creationId="{B7228E1A-02DD-BDE3-F785-A3578B9A6703}"/>
          </ac:picMkLst>
        </pc:picChg>
        <pc:picChg chg="mod">
          <ac:chgData name="Bjørn Henrik Hansen" userId="c3228015-c4cd-4dc5-8814-258534644551" providerId="ADAL" clId="{E4EE2BBF-E6B8-4842-AE48-786E274FD108}" dt="2024-08-30T08:34:51.226" v="4146"/>
          <ac:picMkLst>
            <pc:docMk/>
            <pc:sldMk cId="3984083525" sldId="2147197257"/>
            <ac:picMk id="30" creationId="{4E20E2A5-0EFD-CA66-9A84-6CE1BD609AF1}"/>
          </ac:picMkLst>
        </pc:picChg>
        <pc:picChg chg="mod">
          <ac:chgData name="Bjørn Henrik Hansen" userId="c3228015-c4cd-4dc5-8814-258534644551" providerId="ADAL" clId="{E4EE2BBF-E6B8-4842-AE48-786E274FD108}" dt="2024-08-30T08:34:51.226" v="4146"/>
          <ac:picMkLst>
            <pc:docMk/>
            <pc:sldMk cId="3984083525" sldId="2147197257"/>
            <ac:picMk id="31" creationId="{8CEC3FB6-39CE-B17D-2765-D752C5361D50}"/>
          </ac:picMkLst>
        </pc:picChg>
        <pc:picChg chg="mod">
          <ac:chgData name="Bjørn Henrik Hansen" userId="c3228015-c4cd-4dc5-8814-258534644551" providerId="ADAL" clId="{E4EE2BBF-E6B8-4842-AE48-786E274FD108}" dt="2024-08-30T08:34:51.226" v="4146"/>
          <ac:picMkLst>
            <pc:docMk/>
            <pc:sldMk cId="3984083525" sldId="2147197257"/>
            <ac:picMk id="32" creationId="{E5E032B3-5063-C1F5-8483-EFAF07CC1658}"/>
          </ac:picMkLst>
        </pc:picChg>
        <pc:picChg chg="mod">
          <ac:chgData name="Bjørn Henrik Hansen" userId="c3228015-c4cd-4dc5-8814-258534644551" providerId="ADAL" clId="{E4EE2BBF-E6B8-4842-AE48-786E274FD108}" dt="2024-08-30T08:34:51.226" v="4146"/>
          <ac:picMkLst>
            <pc:docMk/>
            <pc:sldMk cId="3984083525" sldId="2147197257"/>
            <ac:picMk id="33" creationId="{E29D0730-205A-B547-3AE0-D7B287E0B187}"/>
          </ac:picMkLst>
        </pc:picChg>
        <pc:picChg chg="mod">
          <ac:chgData name="Bjørn Henrik Hansen" userId="c3228015-c4cd-4dc5-8814-258534644551" providerId="ADAL" clId="{E4EE2BBF-E6B8-4842-AE48-786E274FD108}" dt="2024-08-30T08:34:51.226" v="4146"/>
          <ac:picMkLst>
            <pc:docMk/>
            <pc:sldMk cId="3984083525" sldId="2147197257"/>
            <ac:picMk id="34" creationId="{854E3EEC-5EEB-6304-5C1C-1AAFF75FADFB}"/>
          </ac:picMkLst>
        </pc:picChg>
        <pc:picChg chg="mod">
          <ac:chgData name="Bjørn Henrik Hansen" userId="c3228015-c4cd-4dc5-8814-258534644551" providerId="ADAL" clId="{E4EE2BBF-E6B8-4842-AE48-786E274FD108}" dt="2024-08-30T08:34:51.226" v="4146"/>
          <ac:picMkLst>
            <pc:docMk/>
            <pc:sldMk cId="3984083525" sldId="2147197257"/>
            <ac:picMk id="37" creationId="{C78EF039-50D2-FD81-9F5B-C04A04D02754}"/>
          </ac:picMkLst>
        </pc:picChg>
        <pc:picChg chg="add del mod">
          <ac:chgData name="Bjørn Henrik Hansen" userId="c3228015-c4cd-4dc5-8814-258534644551" providerId="ADAL" clId="{E4EE2BBF-E6B8-4842-AE48-786E274FD108}" dt="2024-08-30T20:54:27.473" v="7312" actId="21"/>
          <ac:picMkLst>
            <pc:docMk/>
            <pc:sldMk cId="3984083525" sldId="2147197257"/>
            <ac:picMk id="58" creationId="{50C0D498-6F66-9103-77C1-43EDF78FE47F}"/>
          </ac:picMkLst>
        </pc:picChg>
        <pc:cxnChg chg="del mod topLvl">
          <ac:chgData name="Bjørn Henrik Hansen" userId="c3228015-c4cd-4dc5-8814-258534644551" providerId="ADAL" clId="{E4EE2BBF-E6B8-4842-AE48-786E274FD108}" dt="2024-08-30T08:38:39.443" v="4202" actId="478"/>
          <ac:cxnSpMkLst>
            <pc:docMk/>
            <pc:sldMk cId="3984083525" sldId="2147197257"/>
            <ac:cxnSpMk id="17" creationId="{62F69C23-6284-E70D-0491-9CD42601F545}"/>
          </ac:cxnSpMkLst>
        </pc:cxnChg>
        <pc:cxnChg chg="del mod topLvl">
          <ac:chgData name="Bjørn Henrik Hansen" userId="c3228015-c4cd-4dc5-8814-258534644551" providerId="ADAL" clId="{E4EE2BBF-E6B8-4842-AE48-786E274FD108}" dt="2024-08-30T08:38:39.443" v="4202" actId="478"/>
          <ac:cxnSpMkLst>
            <pc:docMk/>
            <pc:sldMk cId="3984083525" sldId="2147197257"/>
            <ac:cxnSpMk id="18" creationId="{F8275547-E09E-6EA8-F15B-1D707734A239}"/>
          </ac:cxnSpMkLst>
        </pc:cxnChg>
        <pc:cxnChg chg="mod">
          <ac:chgData name="Bjørn Henrik Hansen" userId="c3228015-c4cd-4dc5-8814-258534644551" providerId="ADAL" clId="{E4EE2BBF-E6B8-4842-AE48-786E274FD108}" dt="2024-08-30T08:34:51.226" v="4146"/>
          <ac:cxnSpMkLst>
            <pc:docMk/>
            <pc:sldMk cId="3984083525" sldId="2147197257"/>
            <ac:cxnSpMk id="38" creationId="{6E2A24A7-815E-58CC-7863-CD29D8CBA78C}"/>
          </ac:cxnSpMkLst>
        </pc:cxnChg>
        <pc:cxnChg chg="mod">
          <ac:chgData name="Bjørn Henrik Hansen" userId="c3228015-c4cd-4dc5-8814-258534644551" providerId="ADAL" clId="{E4EE2BBF-E6B8-4842-AE48-786E274FD108}" dt="2024-08-30T08:34:51.226" v="4146"/>
          <ac:cxnSpMkLst>
            <pc:docMk/>
            <pc:sldMk cId="3984083525" sldId="2147197257"/>
            <ac:cxnSpMk id="39" creationId="{7DA5F79B-0055-7668-4585-92576E6B5C97}"/>
          </ac:cxnSpMkLst>
        </pc:cxnChg>
      </pc:sldChg>
      <pc:sldChg chg="addSp delSp modSp new del mod ord">
        <pc:chgData name="Bjørn Henrik Hansen" userId="c3228015-c4cd-4dc5-8814-258534644551" providerId="ADAL" clId="{E4EE2BBF-E6B8-4842-AE48-786E274FD108}" dt="2024-08-30T20:36:14.352" v="7121" actId="2696"/>
        <pc:sldMkLst>
          <pc:docMk/>
          <pc:sldMk cId="4085541658" sldId="2147197258"/>
        </pc:sldMkLst>
        <pc:spChg chg="mod">
          <ac:chgData name="Bjørn Henrik Hansen" userId="c3228015-c4cd-4dc5-8814-258534644551" providerId="ADAL" clId="{E4EE2BBF-E6B8-4842-AE48-786E274FD108}" dt="2024-08-30T09:13:07.202" v="4710" actId="20577"/>
          <ac:spMkLst>
            <pc:docMk/>
            <pc:sldMk cId="4085541658" sldId="2147197258"/>
            <ac:spMk id="2" creationId="{33922C7B-BD45-47B3-0499-CCD181BBFF99}"/>
          </ac:spMkLst>
        </pc:spChg>
        <pc:spChg chg="del">
          <ac:chgData name="Bjørn Henrik Hansen" userId="c3228015-c4cd-4dc5-8814-258534644551" providerId="ADAL" clId="{E4EE2BBF-E6B8-4842-AE48-786E274FD108}" dt="2024-08-30T08:47:05.568" v="4322" actId="478"/>
          <ac:spMkLst>
            <pc:docMk/>
            <pc:sldMk cId="4085541658" sldId="2147197258"/>
            <ac:spMk id="3" creationId="{CD94D552-DB16-0CDE-FF0C-BD2B864A9A47}"/>
          </ac:spMkLst>
        </pc:spChg>
        <pc:graphicFrameChg chg="add mod modGraphic">
          <ac:chgData name="Bjørn Henrik Hansen" userId="c3228015-c4cd-4dc5-8814-258534644551" providerId="ADAL" clId="{E4EE2BBF-E6B8-4842-AE48-786E274FD108}" dt="2024-08-30T08:47:52.002" v="4326" actId="2166"/>
          <ac:graphicFrameMkLst>
            <pc:docMk/>
            <pc:sldMk cId="4085541658" sldId="2147197258"/>
            <ac:graphicFrameMk id="4" creationId="{CBAB12A4-DB3F-8F7E-7FD4-0B2379E64490}"/>
          </ac:graphicFrameMkLst>
        </pc:graphicFrameChg>
        <pc:picChg chg="add del mod">
          <ac:chgData name="Bjørn Henrik Hansen" userId="c3228015-c4cd-4dc5-8814-258534644551" providerId="ADAL" clId="{E4EE2BBF-E6B8-4842-AE48-786E274FD108}" dt="2024-08-30T09:58:49.714" v="5249" actId="21"/>
          <ac:picMkLst>
            <pc:docMk/>
            <pc:sldMk cId="4085541658" sldId="2147197258"/>
            <ac:picMk id="6" creationId="{50C0D498-6F66-9103-77C1-43EDF78FE47F}"/>
          </ac:picMkLst>
        </pc:picChg>
        <pc:picChg chg="add del mod">
          <ac:chgData name="Bjørn Henrik Hansen" userId="c3228015-c4cd-4dc5-8814-258534644551" providerId="ADAL" clId="{E4EE2BBF-E6B8-4842-AE48-786E274FD108}" dt="2024-08-30T09:59:13.069" v="5252" actId="21"/>
          <ac:picMkLst>
            <pc:docMk/>
            <pc:sldMk cId="4085541658" sldId="2147197258"/>
            <ac:picMk id="8" creationId="{2359D5EB-8DC3-54E5-1D9D-58D99930D92E}"/>
          </ac:picMkLst>
        </pc:picChg>
        <pc:picChg chg="add mod">
          <ac:chgData name="Bjørn Henrik Hansen" userId="c3228015-c4cd-4dc5-8814-258534644551" providerId="ADAL" clId="{E4EE2BBF-E6B8-4842-AE48-786E274FD108}" dt="2024-08-30T08:50:36.397" v="4519" actId="1076"/>
          <ac:picMkLst>
            <pc:docMk/>
            <pc:sldMk cId="4085541658" sldId="2147197258"/>
            <ac:picMk id="9" creationId="{7A72BB4D-9DB5-5A8D-4BE0-9E9E9F7EF01B}"/>
          </ac:picMkLst>
        </pc:picChg>
        <pc:picChg chg="add del mod">
          <ac:chgData name="Bjørn Henrik Hansen" userId="c3228015-c4cd-4dc5-8814-258534644551" providerId="ADAL" clId="{E4EE2BBF-E6B8-4842-AE48-786E274FD108}" dt="2024-08-30T09:59:13.069" v="5252" actId="21"/>
          <ac:picMkLst>
            <pc:docMk/>
            <pc:sldMk cId="4085541658" sldId="2147197258"/>
            <ac:picMk id="11" creationId="{EF4220B0-F06F-D89D-0C35-5524099B358F}"/>
          </ac:picMkLst>
        </pc:picChg>
        <pc:picChg chg="add del mod">
          <ac:chgData name="Bjørn Henrik Hansen" userId="c3228015-c4cd-4dc5-8814-258534644551" providerId="ADAL" clId="{E4EE2BBF-E6B8-4842-AE48-786E274FD108}" dt="2024-08-30T09:59:13.069" v="5252" actId="21"/>
          <ac:picMkLst>
            <pc:docMk/>
            <pc:sldMk cId="4085541658" sldId="2147197258"/>
            <ac:picMk id="13" creationId="{6424B322-4D77-DA38-EE2C-B9074695D77C}"/>
          </ac:picMkLst>
        </pc:picChg>
      </pc:sldChg>
      <pc:sldChg chg="addSp delSp modSp new del mod ord modAnim chgLayout modNotesTx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2987609850" sldId="2147197259"/>
        </pc:sldMkLst>
        <pc:spChg chg="mod ord">
          <ac:chgData name="Bjørn Henrik Hansen" userId="c3228015-c4cd-4dc5-8814-258534644551" providerId="ADAL" clId="{E4EE2BBF-E6B8-4842-AE48-786E274FD108}" dt="2024-08-30T09:35:58.886" v="4857" actId="700"/>
          <ac:spMkLst>
            <pc:docMk/>
            <pc:sldMk cId="2987609850" sldId="2147197259"/>
            <ac:spMk id="2" creationId="{7E9B8BCD-DCF7-3403-10C6-E2640BE5DA53}"/>
          </ac:spMkLst>
        </pc:spChg>
        <pc:spChg chg="del">
          <ac:chgData name="Bjørn Henrik Hansen" userId="c3228015-c4cd-4dc5-8814-258534644551" providerId="ADAL" clId="{E4EE2BBF-E6B8-4842-AE48-786E274FD108}" dt="2024-08-30T09:34:30.348" v="4841" actId="478"/>
          <ac:spMkLst>
            <pc:docMk/>
            <pc:sldMk cId="2987609850" sldId="2147197259"/>
            <ac:spMk id="3" creationId="{F7CAC60E-DB89-1D1C-E8B6-533316AF1D32}"/>
          </ac:spMkLst>
        </pc:spChg>
        <pc:spChg chg="add mod ord">
          <ac:chgData name="Bjørn Henrik Hansen" userId="c3228015-c4cd-4dc5-8814-258534644551" providerId="ADAL" clId="{E4EE2BBF-E6B8-4842-AE48-786E274FD108}" dt="2024-09-01T09:15:08.881" v="8288" actId="20577"/>
          <ac:spMkLst>
            <pc:docMk/>
            <pc:sldMk cId="2987609850" sldId="2147197259"/>
            <ac:spMk id="6" creationId="{3102A038-D5AF-FBB2-D67B-A0FAD9588D76}"/>
          </ac:spMkLst>
        </pc:spChg>
        <pc:spChg chg="add mod">
          <ac:chgData name="Bjørn Henrik Hansen" userId="c3228015-c4cd-4dc5-8814-258534644551" providerId="ADAL" clId="{E4EE2BBF-E6B8-4842-AE48-786E274FD108}" dt="2024-09-01T09:14:49.937" v="8276" actId="1038"/>
          <ac:spMkLst>
            <pc:docMk/>
            <pc:sldMk cId="2987609850" sldId="2147197259"/>
            <ac:spMk id="7" creationId="{77449D91-44FD-4087-FB5D-A917C36AFFB7}"/>
          </ac:spMkLst>
        </pc:spChg>
        <pc:spChg chg="add mod">
          <ac:chgData name="Bjørn Henrik Hansen" userId="c3228015-c4cd-4dc5-8814-258534644551" providerId="ADAL" clId="{E4EE2BBF-E6B8-4842-AE48-786E274FD108}" dt="2024-09-01T09:14:49.937" v="8276" actId="1038"/>
          <ac:spMkLst>
            <pc:docMk/>
            <pc:sldMk cId="2987609850" sldId="2147197259"/>
            <ac:spMk id="8" creationId="{F50D0FBD-127E-E968-0E1D-31DEE6F27439}"/>
          </ac:spMkLst>
        </pc:spChg>
        <pc:spChg chg="add mod">
          <ac:chgData name="Bjørn Henrik Hansen" userId="c3228015-c4cd-4dc5-8814-258534644551" providerId="ADAL" clId="{E4EE2BBF-E6B8-4842-AE48-786E274FD108}" dt="2024-08-30T09:41:14.089" v="5073"/>
          <ac:spMkLst>
            <pc:docMk/>
            <pc:sldMk cId="2987609850" sldId="2147197259"/>
            <ac:spMk id="9" creationId="{80C497B5-148F-72CE-8C87-7DCE9CFDA127}"/>
          </ac:spMkLst>
        </pc:spChg>
        <pc:spChg chg="add mod">
          <ac:chgData name="Bjørn Henrik Hansen" userId="c3228015-c4cd-4dc5-8814-258534644551" providerId="ADAL" clId="{E4EE2BBF-E6B8-4842-AE48-786E274FD108}" dt="2024-09-01T09:14:49.937" v="8276" actId="1038"/>
          <ac:spMkLst>
            <pc:docMk/>
            <pc:sldMk cId="2987609850" sldId="2147197259"/>
            <ac:spMk id="12" creationId="{2F9CB258-4164-1DBE-13B4-44C973679698}"/>
          </ac:spMkLst>
        </pc:spChg>
        <pc:spChg chg="add mod">
          <ac:chgData name="Bjørn Henrik Hansen" userId="c3228015-c4cd-4dc5-8814-258534644551" providerId="ADAL" clId="{E4EE2BBF-E6B8-4842-AE48-786E274FD108}" dt="2024-09-01T09:14:49.937" v="8276" actId="1038"/>
          <ac:spMkLst>
            <pc:docMk/>
            <pc:sldMk cId="2987609850" sldId="2147197259"/>
            <ac:spMk id="14" creationId="{DFA8A54F-11B7-B5B2-525F-B2D38E117B9D}"/>
          </ac:spMkLst>
        </pc:spChg>
        <pc:spChg chg="add mod">
          <ac:chgData name="Bjørn Henrik Hansen" userId="c3228015-c4cd-4dc5-8814-258534644551" providerId="ADAL" clId="{E4EE2BBF-E6B8-4842-AE48-786E274FD108}" dt="2024-08-30T20:54:16.733" v="7309" actId="1076"/>
          <ac:spMkLst>
            <pc:docMk/>
            <pc:sldMk cId="2987609850" sldId="2147197259"/>
            <ac:spMk id="59" creationId="{E5AA0C25-1EE0-9F4C-AC90-D0734AA1DFC3}"/>
          </ac:spMkLst>
        </pc:spChg>
        <pc:picChg chg="add mod">
          <ac:chgData name="Bjørn Henrik Hansen" userId="c3228015-c4cd-4dc5-8814-258534644551" providerId="ADAL" clId="{E4EE2BBF-E6B8-4842-AE48-786E274FD108}" dt="2024-09-01T09:14:49.937" v="8276" actId="1038"/>
          <ac:picMkLst>
            <pc:docMk/>
            <pc:sldMk cId="2987609850" sldId="2147197259"/>
            <ac:picMk id="4" creationId="{FA122024-6B8E-2C39-E952-064ED4156641}"/>
          </ac:picMkLst>
        </pc:picChg>
        <pc:picChg chg="add mod">
          <ac:chgData name="Bjørn Henrik Hansen" userId="c3228015-c4cd-4dc5-8814-258534644551" providerId="ADAL" clId="{E4EE2BBF-E6B8-4842-AE48-786E274FD108}" dt="2024-09-01T09:14:49.937" v="8276" actId="1038"/>
          <ac:picMkLst>
            <pc:docMk/>
            <pc:sldMk cId="2987609850" sldId="2147197259"/>
            <ac:picMk id="5" creationId="{3E686C9C-34A7-E735-F826-2C9C7F680503}"/>
          </ac:picMkLst>
        </pc:picChg>
        <pc:picChg chg="add mod">
          <ac:chgData name="Bjørn Henrik Hansen" userId="c3228015-c4cd-4dc5-8814-258534644551" providerId="ADAL" clId="{E4EE2BBF-E6B8-4842-AE48-786E274FD108}" dt="2024-08-30T10:02:28.689" v="5314" actId="14100"/>
          <ac:picMkLst>
            <pc:docMk/>
            <pc:sldMk cId="2987609850" sldId="2147197259"/>
            <ac:picMk id="10" creationId="{2359D5EB-8DC3-54E5-1D9D-58D99930D92E}"/>
          </ac:picMkLst>
        </pc:picChg>
        <pc:picChg chg="add mod">
          <ac:chgData name="Bjørn Henrik Hansen" userId="c3228015-c4cd-4dc5-8814-258534644551" providerId="ADAL" clId="{E4EE2BBF-E6B8-4842-AE48-786E274FD108}" dt="2024-08-30T10:02:45.396" v="5317" actId="1076"/>
          <ac:picMkLst>
            <pc:docMk/>
            <pc:sldMk cId="2987609850" sldId="2147197259"/>
            <ac:picMk id="11" creationId="{EF4220B0-F06F-D89D-0C35-5524099B358F}"/>
          </ac:picMkLst>
        </pc:picChg>
        <pc:picChg chg="add mod">
          <ac:chgData name="Bjørn Henrik Hansen" userId="c3228015-c4cd-4dc5-8814-258534644551" providerId="ADAL" clId="{E4EE2BBF-E6B8-4842-AE48-786E274FD108}" dt="2024-08-30T10:02:38.668" v="5316" actId="1076"/>
          <ac:picMkLst>
            <pc:docMk/>
            <pc:sldMk cId="2987609850" sldId="2147197259"/>
            <ac:picMk id="13" creationId="{6424B322-4D77-DA38-EE2C-B9074695D77C}"/>
          </ac:picMkLst>
        </pc:picChg>
      </pc:sldChg>
      <pc:sldChg chg="addSp delSp modSp new mod">
        <pc:chgData name="Bjørn Henrik Hansen" userId="c3228015-c4cd-4dc5-8814-258534644551" providerId="ADAL" clId="{E4EE2BBF-E6B8-4842-AE48-786E274FD108}" dt="2024-09-01T19:58:22.922" v="11339" actId="1076"/>
        <pc:sldMkLst>
          <pc:docMk/>
          <pc:sldMk cId="2216729690" sldId="2147197260"/>
        </pc:sldMkLst>
        <pc:spChg chg="mod">
          <ac:chgData name="Bjørn Henrik Hansen" userId="c3228015-c4cd-4dc5-8814-258534644551" providerId="ADAL" clId="{E4EE2BBF-E6B8-4842-AE48-786E274FD108}" dt="2024-09-01T13:21:38.719" v="11250" actId="20577"/>
          <ac:spMkLst>
            <pc:docMk/>
            <pc:sldMk cId="2216729690" sldId="2147197260"/>
            <ac:spMk id="2" creationId="{206735D7-46B8-27B1-AFB8-19CE0038C2E7}"/>
          </ac:spMkLst>
        </pc:spChg>
        <pc:spChg chg="mod">
          <ac:chgData name="Bjørn Henrik Hansen" userId="c3228015-c4cd-4dc5-8814-258534644551" providerId="ADAL" clId="{E4EE2BBF-E6B8-4842-AE48-786E274FD108}" dt="2024-09-01T19:58:22.922" v="11339" actId="1076"/>
          <ac:spMkLst>
            <pc:docMk/>
            <pc:sldMk cId="2216729690" sldId="2147197260"/>
            <ac:spMk id="3" creationId="{9D3902C9-1B53-65C6-AA0C-09F729C28957}"/>
          </ac:spMkLst>
        </pc:spChg>
        <pc:picChg chg="add mod">
          <ac:chgData name="Bjørn Henrik Hansen" userId="c3228015-c4cd-4dc5-8814-258534644551" providerId="ADAL" clId="{E4EE2BBF-E6B8-4842-AE48-786E274FD108}" dt="2024-08-30T10:10:50.277" v="5524" actId="1076"/>
          <ac:picMkLst>
            <pc:docMk/>
            <pc:sldMk cId="2216729690" sldId="2147197260"/>
            <ac:picMk id="4" creationId="{9450131D-9E96-4794-9281-E0C2D6DE8423}"/>
          </ac:picMkLst>
        </pc:picChg>
        <pc:picChg chg="add del mod">
          <ac:chgData name="Bjørn Henrik Hansen" userId="c3228015-c4cd-4dc5-8814-258534644551" providerId="ADAL" clId="{E4EE2BBF-E6B8-4842-AE48-786E274FD108}" dt="2024-08-30T10:10:41.724" v="5520" actId="478"/>
          <ac:picMkLst>
            <pc:docMk/>
            <pc:sldMk cId="2216729690" sldId="2147197260"/>
            <ac:picMk id="5" creationId="{89763679-A132-C939-5CB3-6998635F435E}"/>
          </ac:picMkLst>
        </pc:picChg>
        <pc:picChg chg="add del mod">
          <ac:chgData name="Bjørn Henrik Hansen" userId="c3228015-c4cd-4dc5-8814-258534644551" providerId="ADAL" clId="{E4EE2BBF-E6B8-4842-AE48-786E274FD108}" dt="2024-08-30T10:11:36.769" v="5604" actId="478"/>
          <ac:picMkLst>
            <pc:docMk/>
            <pc:sldMk cId="2216729690" sldId="2147197260"/>
            <ac:picMk id="6" creationId="{D1635624-F4FB-46D1-B9A5-A77F06A866F4}"/>
          </ac:picMkLst>
        </pc:picChg>
        <pc:picChg chg="add mod">
          <ac:chgData name="Bjørn Henrik Hansen" userId="c3228015-c4cd-4dc5-8814-258534644551" providerId="ADAL" clId="{E4EE2BBF-E6B8-4842-AE48-786E274FD108}" dt="2024-09-01T09:17:29.568" v="8300" actId="1076"/>
          <ac:picMkLst>
            <pc:docMk/>
            <pc:sldMk cId="2216729690" sldId="2147197260"/>
            <ac:picMk id="7" creationId="{E5885C66-F420-0D7B-B07C-101E920254DD}"/>
          </ac:picMkLst>
        </pc:picChg>
      </pc:sldChg>
      <pc:sldChg chg="addSp delSp modSp new mod">
        <pc:chgData name="Bjørn Henrik Hansen" userId="c3228015-c4cd-4dc5-8814-258534644551" providerId="ADAL" clId="{E4EE2BBF-E6B8-4842-AE48-786E274FD108}" dt="2024-09-01T19:59:56.045" v="11352" actId="14100"/>
        <pc:sldMkLst>
          <pc:docMk/>
          <pc:sldMk cId="1548041187" sldId="2147197261"/>
        </pc:sldMkLst>
        <pc:spChg chg="mod">
          <ac:chgData name="Bjørn Henrik Hansen" userId="c3228015-c4cd-4dc5-8814-258534644551" providerId="ADAL" clId="{E4EE2BBF-E6B8-4842-AE48-786E274FD108}" dt="2024-09-01T13:21:54.434" v="11273" actId="20577"/>
          <ac:spMkLst>
            <pc:docMk/>
            <pc:sldMk cId="1548041187" sldId="2147197261"/>
            <ac:spMk id="2" creationId="{9C289D3B-E8C1-51B9-9FED-F197A7C955CC}"/>
          </ac:spMkLst>
        </pc:spChg>
        <pc:spChg chg="del">
          <ac:chgData name="Bjørn Henrik Hansen" userId="c3228015-c4cd-4dc5-8814-258534644551" providerId="ADAL" clId="{E4EE2BBF-E6B8-4842-AE48-786E274FD108}" dt="2024-08-30T10:12:04.224" v="5607" actId="478"/>
          <ac:spMkLst>
            <pc:docMk/>
            <pc:sldMk cId="1548041187" sldId="2147197261"/>
            <ac:spMk id="3" creationId="{41619B80-146C-2550-2035-7EF411941647}"/>
          </ac:spMkLst>
        </pc:spChg>
        <pc:spChg chg="add mod">
          <ac:chgData name="Bjørn Henrik Hansen" userId="c3228015-c4cd-4dc5-8814-258534644551" providerId="ADAL" clId="{E4EE2BBF-E6B8-4842-AE48-786E274FD108}" dt="2024-09-01T19:59:38.622" v="11350" actId="14100"/>
          <ac:spMkLst>
            <pc:docMk/>
            <pc:sldMk cId="1548041187" sldId="2147197261"/>
            <ac:spMk id="5" creationId="{36E071DE-14B1-B16D-C369-BC144366F51F}"/>
          </ac:spMkLst>
        </pc:spChg>
        <pc:picChg chg="add mod">
          <ac:chgData name="Bjørn Henrik Hansen" userId="c3228015-c4cd-4dc5-8814-258534644551" providerId="ADAL" clId="{E4EE2BBF-E6B8-4842-AE48-786E274FD108}" dt="2024-09-01T19:59:33.924" v="11349" actId="1076"/>
          <ac:picMkLst>
            <pc:docMk/>
            <pc:sldMk cId="1548041187" sldId="2147197261"/>
            <ac:picMk id="4" creationId="{E43EE560-FF09-4955-A99E-33FF4B535D55}"/>
          </ac:picMkLst>
        </pc:picChg>
        <pc:picChg chg="add mod">
          <ac:chgData name="Bjørn Henrik Hansen" userId="c3228015-c4cd-4dc5-8814-258534644551" providerId="ADAL" clId="{E4EE2BBF-E6B8-4842-AE48-786E274FD108}" dt="2024-09-01T19:59:56.045" v="11352" actId="14100"/>
          <ac:picMkLst>
            <pc:docMk/>
            <pc:sldMk cId="1548041187" sldId="2147197261"/>
            <ac:picMk id="6" creationId="{60659260-1F65-4DFF-A88E-E462E8254DC2}"/>
          </ac:picMkLst>
        </pc:picChg>
        <pc:picChg chg="add mod">
          <ac:chgData name="Bjørn Henrik Hansen" userId="c3228015-c4cd-4dc5-8814-258534644551" providerId="ADAL" clId="{E4EE2BBF-E6B8-4842-AE48-786E274FD108}" dt="2024-09-01T19:59:42.762" v="11351" actId="1076"/>
          <ac:picMkLst>
            <pc:docMk/>
            <pc:sldMk cId="1548041187" sldId="2147197261"/>
            <ac:picMk id="7" creationId="{AC7D79F3-42CE-4058-83F5-B969563776B5}"/>
          </ac:picMkLst>
        </pc:picChg>
      </pc:sldChg>
      <pc:sldChg chg="addSp modSp new mod modNotesTx">
        <pc:chgData name="Bjørn Henrik Hansen" userId="c3228015-c4cd-4dc5-8814-258534644551" providerId="ADAL" clId="{E4EE2BBF-E6B8-4842-AE48-786E274FD108}" dt="2024-09-01T20:49:09.227" v="13222" actId="27636"/>
        <pc:sldMkLst>
          <pc:docMk/>
          <pc:sldMk cId="883048650" sldId="2147197262"/>
        </pc:sldMkLst>
        <pc:spChg chg="mod">
          <ac:chgData name="Bjørn Henrik Hansen" userId="c3228015-c4cd-4dc5-8814-258534644551" providerId="ADAL" clId="{E4EE2BBF-E6B8-4842-AE48-786E274FD108}" dt="2024-09-01T13:24:13.242" v="11332" actId="6549"/>
          <ac:spMkLst>
            <pc:docMk/>
            <pc:sldMk cId="883048650" sldId="2147197262"/>
            <ac:spMk id="2" creationId="{029B5B02-583D-42F6-F811-2161BEA49BB1}"/>
          </ac:spMkLst>
        </pc:spChg>
        <pc:spChg chg="mod">
          <ac:chgData name="Bjørn Henrik Hansen" userId="c3228015-c4cd-4dc5-8814-258534644551" providerId="ADAL" clId="{E4EE2BBF-E6B8-4842-AE48-786E274FD108}" dt="2024-09-01T20:49:09.227" v="13222" actId="27636"/>
          <ac:spMkLst>
            <pc:docMk/>
            <pc:sldMk cId="883048650" sldId="2147197262"/>
            <ac:spMk id="3" creationId="{E3854E34-1D8C-042E-AA98-8E309895065C}"/>
          </ac:spMkLst>
        </pc:spChg>
        <pc:spChg chg="add mod">
          <ac:chgData name="Bjørn Henrik Hansen" userId="c3228015-c4cd-4dc5-8814-258534644551" providerId="ADAL" clId="{E4EE2BBF-E6B8-4842-AE48-786E274FD108}" dt="2024-09-01T20:12:22.788" v="11990" actId="1076"/>
          <ac:spMkLst>
            <pc:docMk/>
            <pc:sldMk cId="883048650" sldId="2147197262"/>
            <ac:spMk id="4" creationId="{4C39EC37-BE15-6E90-0188-2929EF85BACC}"/>
          </ac:spMkLst>
        </pc:spChg>
        <pc:spChg chg="add mod">
          <ac:chgData name="Bjørn Henrik Hansen" userId="c3228015-c4cd-4dc5-8814-258534644551" providerId="ADAL" clId="{E4EE2BBF-E6B8-4842-AE48-786E274FD108}" dt="2024-09-01T20:12:22.788" v="11990" actId="1076"/>
          <ac:spMkLst>
            <pc:docMk/>
            <pc:sldMk cId="883048650" sldId="2147197262"/>
            <ac:spMk id="5" creationId="{A5CBAB4E-8EC3-D3A0-40A4-AD3F6CBFEB2D}"/>
          </ac:spMkLst>
        </pc:spChg>
        <pc:spChg chg="add mod">
          <ac:chgData name="Bjørn Henrik Hansen" userId="c3228015-c4cd-4dc5-8814-258534644551" providerId="ADAL" clId="{E4EE2BBF-E6B8-4842-AE48-786E274FD108}" dt="2024-09-01T20:12:22.788" v="11990" actId="1076"/>
          <ac:spMkLst>
            <pc:docMk/>
            <pc:sldMk cId="883048650" sldId="2147197262"/>
            <ac:spMk id="6" creationId="{FAABA921-BEEE-1F7A-888A-928078EA1D7A}"/>
          </ac:spMkLst>
        </pc:spChg>
      </pc:sldChg>
      <pc:sldChg chg="addSp delSp modSp new mod delAnim modAnim chgLayout modNotesTx">
        <pc:chgData name="Bjørn Henrik Hansen" userId="c3228015-c4cd-4dc5-8814-258534644551" providerId="ADAL" clId="{E4EE2BBF-E6B8-4842-AE48-786E274FD108}" dt="2024-09-01T20:16:20.080" v="12151"/>
        <pc:sldMkLst>
          <pc:docMk/>
          <pc:sldMk cId="2683931322" sldId="2147197263"/>
        </pc:sldMkLst>
        <pc:spChg chg="mod ord">
          <ac:chgData name="Bjørn Henrik Hansen" userId="c3228015-c4cd-4dc5-8814-258534644551" providerId="ADAL" clId="{E4EE2BBF-E6B8-4842-AE48-786E274FD108}" dt="2024-08-30T12:17:10.098" v="6082" actId="700"/>
          <ac:spMkLst>
            <pc:docMk/>
            <pc:sldMk cId="2683931322" sldId="2147197263"/>
            <ac:spMk id="2" creationId="{BB937CC8-A837-DC7C-4CA8-316EC7BB8AE5}"/>
          </ac:spMkLst>
        </pc:spChg>
        <pc:spChg chg="del">
          <ac:chgData name="Bjørn Henrik Hansen" userId="c3228015-c4cd-4dc5-8814-258534644551" providerId="ADAL" clId="{E4EE2BBF-E6B8-4842-AE48-786E274FD108}" dt="2024-08-30T12:14:02.721" v="6062"/>
          <ac:spMkLst>
            <pc:docMk/>
            <pc:sldMk cId="2683931322" sldId="2147197263"/>
            <ac:spMk id="3" creationId="{763F315A-18F3-AA4E-14A5-31E9B5A7C94B}"/>
          </ac:spMkLst>
        </pc:spChg>
        <pc:spChg chg="add del mod ord">
          <ac:chgData name="Bjørn Henrik Hansen" userId="c3228015-c4cd-4dc5-8814-258534644551" providerId="ADAL" clId="{E4EE2BBF-E6B8-4842-AE48-786E274FD108}" dt="2024-08-30T13:07:10.325" v="6513" actId="478"/>
          <ac:spMkLst>
            <pc:docMk/>
            <pc:sldMk cId="2683931322" sldId="2147197263"/>
            <ac:spMk id="7" creationId="{71E00BF1-8DC8-A4B3-44AC-B24F0CBB47A9}"/>
          </ac:spMkLst>
        </pc:spChg>
        <pc:spChg chg="add del mod">
          <ac:chgData name="Bjørn Henrik Hansen" userId="c3228015-c4cd-4dc5-8814-258534644551" providerId="ADAL" clId="{E4EE2BBF-E6B8-4842-AE48-786E274FD108}" dt="2024-08-30T13:07:26.220" v="6517" actId="478"/>
          <ac:spMkLst>
            <pc:docMk/>
            <pc:sldMk cId="2683931322" sldId="2147197263"/>
            <ac:spMk id="8" creationId="{DFF75424-9BFF-6B26-8C6A-DDCB06B88B98}"/>
          </ac:spMkLst>
        </pc:spChg>
        <pc:spChg chg="add mod">
          <ac:chgData name="Bjørn Henrik Hansen" userId="c3228015-c4cd-4dc5-8814-258534644551" providerId="ADAL" clId="{E4EE2BBF-E6B8-4842-AE48-786E274FD108}" dt="2024-09-01T20:16:02.781" v="12150" actId="403"/>
          <ac:spMkLst>
            <pc:docMk/>
            <pc:sldMk cId="2683931322" sldId="2147197263"/>
            <ac:spMk id="10" creationId="{A1BBCF69-793F-8A47-77E7-A16323DFCC15}"/>
          </ac:spMkLst>
        </pc:spChg>
        <pc:graphicFrameChg chg="add mod ord modGraphic">
          <ac:chgData name="Bjørn Henrik Hansen" userId="c3228015-c4cd-4dc5-8814-258534644551" providerId="ADAL" clId="{E4EE2BBF-E6B8-4842-AE48-786E274FD108}" dt="2024-08-30T12:17:48.913" v="6089" actId="1076"/>
          <ac:graphicFrameMkLst>
            <pc:docMk/>
            <pc:sldMk cId="2683931322" sldId="2147197263"/>
            <ac:graphicFrameMk id="5" creationId="{B0DD9780-0760-E562-C343-4497185E982A}"/>
          </ac:graphicFrameMkLst>
        </pc:graphicFrameChg>
        <pc:picChg chg="add del mod">
          <ac:chgData name="Bjørn Henrik Hansen" userId="c3228015-c4cd-4dc5-8814-258534644551" providerId="ADAL" clId="{E4EE2BBF-E6B8-4842-AE48-786E274FD108}" dt="2024-08-30T12:15:11.440" v="6075" actId="478"/>
          <ac:picMkLst>
            <pc:docMk/>
            <pc:sldMk cId="2683931322" sldId="2147197263"/>
            <ac:picMk id="4" creationId="{4F3177E3-1A60-3E78-461B-67BB18F6D8A1}"/>
          </ac:picMkLst>
        </pc:picChg>
        <pc:picChg chg="add mod">
          <ac:chgData name="Bjørn Henrik Hansen" userId="c3228015-c4cd-4dc5-8814-258534644551" providerId="ADAL" clId="{E4EE2BBF-E6B8-4842-AE48-786E274FD108}" dt="2024-08-30T12:16:30.272" v="6080" actId="732"/>
          <ac:picMkLst>
            <pc:docMk/>
            <pc:sldMk cId="2683931322" sldId="2147197263"/>
            <ac:picMk id="6" creationId="{5AF86E8D-C921-FA54-DB02-C7F740A7E6BB}"/>
          </ac:picMkLst>
        </pc:picChg>
      </pc:sldChg>
      <pc:sldChg chg="new del">
        <pc:chgData name="Bjørn Henrik Hansen" userId="c3228015-c4cd-4dc5-8814-258534644551" providerId="ADAL" clId="{E4EE2BBF-E6B8-4842-AE48-786E274FD108}" dt="2024-08-30T20:35:55.241" v="7119" actId="47"/>
        <pc:sldMkLst>
          <pc:docMk/>
          <pc:sldMk cId="679526966" sldId="2147197264"/>
        </pc:sldMkLst>
      </pc:sldChg>
      <pc:sldChg chg="delSp add del mod ord delAnim">
        <pc:chgData name="Bjørn Henrik Hansen" userId="c3228015-c4cd-4dc5-8814-258534644551" providerId="ADAL" clId="{E4EE2BBF-E6B8-4842-AE48-786E274FD108}" dt="2024-09-02T08:17:01.355" v="13333" actId="2696"/>
        <pc:sldMkLst>
          <pc:docMk/>
          <pc:sldMk cId="3155679837" sldId="2147197265"/>
        </pc:sldMkLst>
        <pc:picChg chg="del">
          <ac:chgData name="Bjørn Henrik Hansen" userId="c3228015-c4cd-4dc5-8814-258534644551" providerId="ADAL" clId="{E4EE2BBF-E6B8-4842-AE48-786E274FD108}" dt="2024-08-30T13:12:07.695" v="6604" actId="21"/>
          <ac:picMkLst>
            <pc:docMk/>
            <pc:sldMk cId="3155679837" sldId="2147197265"/>
            <ac:picMk id="3" creationId="{79B9124B-66EF-6C44-F25A-DCDE231F1A31}"/>
          </ac:picMkLst>
        </pc:picChg>
      </pc:sldChg>
      <pc:sldChg chg="modSp new del mod ord">
        <pc:chgData name="Bjørn Henrik Hansen" userId="c3228015-c4cd-4dc5-8814-258534644551" providerId="ADAL" clId="{E4EE2BBF-E6B8-4842-AE48-786E274FD108}" dt="2024-08-30T20:57:29.843" v="7343" actId="47"/>
        <pc:sldMkLst>
          <pc:docMk/>
          <pc:sldMk cId="4036259025" sldId="2147197266"/>
        </pc:sldMkLst>
        <pc:spChg chg="mod">
          <ac:chgData name="Bjørn Henrik Hansen" userId="c3228015-c4cd-4dc5-8814-258534644551" providerId="ADAL" clId="{E4EE2BBF-E6B8-4842-AE48-786E274FD108}" dt="2024-08-30T12:31:51.598" v="6296" actId="20577"/>
          <ac:spMkLst>
            <pc:docMk/>
            <pc:sldMk cId="4036259025" sldId="2147197266"/>
            <ac:spMk id="2" creationId="{4F802729-62B0-4B1E-4255-C91E1910C3FF}"/>
          </ac:spMkLst>
        </pc:spChg>
        <pc:spChg chg="mod">
          <ac:chgData name="Bjørn Henrik Hansen" userId="c3228015-c4cd-4dc5-8814-258534644551" providerId="ADAL" clId="{E4EE2BBF-E6B8-4842-AE48-786E274FD108}" dt="2024-08-30T20:57:24.373" v="7339" actId="21"/>
          <ac:spMkLst>
            <pc:docMk/>
            <pc:sldMk cId="4036259025" sldId="2147197266"/>
            <ac:spMk id="3" creationId="{43D4FE3C-6616-6B07-3BBA-0B46D73F3509}"/>
          </ac:spMkLst>
        </pc:spChg>
      </pc:sldChg>
      <pc:sldChg chg="addSp modSp new mod modAnim">
        <pc:chgData name="Bjørn Henrik Hansen" userId="c3228015-c4cd-4dc5-8814-258534644551" providerId="ADAL" clId="{E4EE2BBF-E6B8-4842-AE48-786E274FD108}" dt="2024-09-01T04:50:01.359" v="7675" actId="14100"/>
        <pc:sldMkLst>
          <pc:docMk/>
          <pc:sldMk cId="1928936030" sldId="2147197267"/>
        </pc:sldMkLst>
        <pc:spChg chg="mod">
          <ac:chgData name="Bjørn Henrik Hansen" userId="c3228015-c4cd-4dc5-8814-258534644551" providerId="ADAL" clId="{E4EE2BBF-E6B8-4842-AE48-786E274FD108}" dt="2024-08-30T13:15:23.359" v="6718" actId="20577"/>
          <ac:spMkLst>
            <pc:docMk/>
            <pc:sldMk cId="1928936030" sldId="2147197267"/>
            <ac:spMk id="2" creationId="{1F8B7B80-981E-B2FE-BCCC-E115FE089F61}"/>
          </ac:spMkLst>
        </pc:spChg>
        <pc:spChg chg="mod">
          <ac:chgData name="Bjørn Henrik Hansen" userId="c3228015-c4cd-4dc5-8814-258534644551" providerId="ADAL" clId="{E4EE2BBF-E6B8-4842-AE48-786E274FD108}" dt="2024-09-01T04:49:48.889" v="7671" actId="14100"/>
          <ac:spMkLst>
            <pc:docMk/>
            <pc:sldMk cId="1928936030" sldId="2147197267"/>
            <ac:spMk id="3" creationId="{D785FE32-C0C7-1323-1725-18396582014C}"/>
          </ac:spMkLst>
        </pc:spChg>
        <pc:picChg chg="add mod">
          <ac:chgData name="Bjørn Henrik Hansen" userId="c3228015-c4cd-4dc5-8814-258534644551" providerId="ADAL" clId="{E4EE2BBF-E6B8-4842-AE48-786E274FD108}" dt="2024-09-01T04:50:01.359" v="7675" actId="14100"/>
          <ac:picMkLst>
            <pc:docMk/>
            <pc:sldMk cId="1928936030" sldId="2147197267"/>
            <ac:picMk id="4" creationId="{1A3C52D9-86E0-6018-D638-491CEC6749D5}"/>
          </ac:picMkLst>
        </pc:picChg>
        <pc:picChg chg="add mod">
          <ac:chgData name="Bjørn Henrik Hansen" userId="c3228015-c4cd-4dc5-8814-258534644551" providerId="ADAL" clId="{E4EE2BBF-E6B8-4842-AE48-786E274FD108}" dt="2024-09-01T04:49:54.860" v="7673" actId="14100"/>
          <ac:picMkLst>
            <pc:docMk/>
            <pc:sldMk cId="1928936030" sldId="2147197267"/>
            <ac:picMk id="5" creationId="{591ECBD9-F189-D5A2-085A-4F51E8825765}"/>
          </ac:picMkLst>
        </pc:picChg>
      </pc:sldChg>
      <pc:sldChg chg="addSp modSp new mod ord">
        <pc:chgData name="Bjørn Henrik Hansen" userId="c3228015-c4cd-4dc5-8814-258534644551" providerId="ADAL" clId="{E4EE2BBF-E6B8-4842-AE48-786E274FD108}" dt="2024-09-02T10:52:34.163" v="13443" actId="20577"/>
        <pc:sldMkLst>
          <pc:docMk/>
          <pc:sldMk cId="2124578259" sldId="2147197268"/>
        </pc:sldMkLst>
        <pc:spChg chg="mod">
          <ac:chgData name="Bjørn Henrik Hansen" userId="c3228015-c4cd-4dc5-8814-258534644551" providerId="ADAL" clId="{E4EE2BBF-E6B8-4842-AE48-786E274FD108}" dt="2024-09-02T10:52:34.163" v="13443" actId="20577"/>
          <ac:spMkLst>
            <pc:docMk/>
            <pc:sldMk cId="2124578259" sldId="2147197268"/>
            <ac:spMk id="2" creationId="{DC557B59-037F-E4E0-A26B-C0BE6DE24B9B}"/>
          </ac:spMkLst>
        </pc:spChg>
        <pc:spChg chg="mod">
          <ac:chgData name="Bjørn Henrik Hansen" userId="c3228015-c4cd-4dc5-8814-258534644551" providerId="ADAL" clId="{E4EE2BBF-E6B8-4842-AE48-786E274FD108}" dt="2024-09-01T20:37:26.497" v="12984" actId="114"/>
          <ac:spMkLst>
            <pc:docMk/>
            <pc:sldMk cId="2124578259" sldId="2147197268"/>
            <ac:spMk id="3" creationId="{DAE3C083-2580-755D-443A-19B480F9DAE0}"/>
          </ac:spMkLst>
        </pc:spChg>
        <pc:picChg chg="add mod">
          <ac:chgData name="Bjørn Henrik Hansen" userId="c3228015-c4cd-4dc5-8814-258534644551" providerId="ADAL" clId="{E4EE2BBF-E6B8-4842-AE48-786E274FD108}" dt="2024-08-30T20:46:52.522" v="7297" actId="1076"/>
          <ac:picMkLst>
            <pc:docMk/>
            <pc:sldMk cId="2124578259" sldId="2147197268"/>
            <ac:picMk id="4" creationId="{42E3D3A0-BB40-EF88-78EC-7A7E3A600847}"/>
          </ac:picMkLst>
        </pc:picChg>
        <pc:picChg chg="add mod">
          <ac:chgData name="Bjørn Henrik Hansen" userId="c3228015-c4cd-4dc5-8814-258534644551" providerId="ADAL" clId="{E4EE2BBF-E6B8-4842-AE48-786E274FD108}" dt="2024-08-30T20:46:46.194" v="7296" actId="1076"/>
          <ac:picMkLst>
            <pc:docMk/>
            <pc:sldMk cId="2124578259" sldId="2147197268"/>
            <ac:picMk id="5" creationId="{95200041-EDDF-5172-BC2C-6E4643C4F702}"/>
          </ac:picMkLst>
        </pc:picChg>
      </pc:sldChg>
      <pc:sldChg chg="modSp new mod modAnim">
        <pc:chgData name="Bjørn Henrik Hansen" userId="c3228015-c4cd-4dc5-8814-258534644551" providerId="ADAL" clId="{E4EE2BBF-E6B8-4842-AE48-786E274FD108}" dt="2024-09-01T20:57:00.058" v="13332" actId="20577"/>
        <pc:sldMkLst>
          <pc:docMk/>
          <pc:sldMk cId="995994078" sldId="2147197269"/>
        </pc:sldMkLst>
        <pc:spChg chg="mod">
          <ac:chgData name="Bjørn Henrik Hansen" userId="c3228015-c4cd-4dc5-8814-258534644551" providerId="ADAL" clId="{E4EE2BBF-E6B8-4842-AE48-786E274FD108}" dt="2024-09-01T04:58:04.134" v="8034" actId="20577"/>
          <ac:spMkLst>
            <pc:docMk/>
            <pc:sldMk cId="995994078" sldId="2147197269"/>
            <ac:spMk id="2" creationId="{9795019A-E0CE-CD0F-C815-CB3F42AF48DD}"/>
          </ac:spMkLst>
        </pc:spChg>
        <pc:spChg chg="mod">
          <ac:chgData name="Bjørn Henrik Hansen" userId="c3228015-c4cd-4dc5-8814-258534644551" providerId="ADAL" clId="{E4EE2BBF-E6B8-4842-AE48-786E274FD108}" dt="2024-09-01T20:57:00.058" v="13332" actId="20577"/>
          <ac:spMkLst>
            <pc:docMk/>
            <pc:sldMk cId="995994078" sldId="2147197269"/>
            <ac:spMk id="3" creationId="{25196D2D-FCE9-64D8-D3C7-384642E4A4AF}"/>
          </ac:spMkLst>
        </pc:spChg>
      </pc:sldChg>
      <pc:sldChg chg="modSp new mod modAnim">
        <pc:chgData name="Bjørn Henrik Hansen" userId="c3228015-c4cd-4dc5-8814-258534644551" providerId="ADAL" clId="{E4EE2BBF-E6B8-4842-AE48-786E274FD108}" dt="2024-09-01T11:56:46.725" v="9140" actId="20577"/>
        <pc:sldMkLst>
          <pc:docMk/>
          <pc:sldMk cId="3882716529" sldId="2147197270"/>
        </pc:sldMkLst>
        <pc:spChg chg="mod">
          <ac:chgData name="Bjørn Henrik Hansen" userId="c3228015-c4cd-4dc5-8814-258534644551" providerId="ADAL" clId="{E4EE2BBF-E6B8-4842-AE48-786E274FD108}" dt="2024-09-01T09:28:08.891" v="8756" actId="20577"/>
          <ac:spMkLst>
            <pc:docMk/>
            <pc:sldMk cId="3882716529" sldId="2147197270"/>
            <ac:spMk id="2" creationId="{1D0E5181-D8FF-71C0-2FFA-1D15B57C0BEA}"/>
          </ac:spMkLst>
        </pc:spChg>
        <pc:spChg chg="mod">
          <ac:chgData name="Bjørn Henrik Hansen" userId="c3228015-c4cd-4dc5-8814-258534644551" providerId="ADAL" clId="{E4EE2BBF-E6B8-4842-AE48-786E274FD108}" dt="2024-09-01T11:56:46.725" v="9140" actId="20577"/>
          <ac:spMkLst>
            <pc:docMk/>
            <pc:sldMk cId="3882716529" sldId="2147197270"/>
            <ac:spMk id="3" creationId="{1A6CD900-4BD5-A696-9732-71CCAB1873E7}"/>
          </ac:spMkLst>
        </pc:spChg>
      </pc:sldChg>
      <pc:sldChg chg="addSp delSp modSp new mod delAnim modAnim chgLayout">
        <pc:chgData name="Bjørn Henrik Hansen" userId="c3228015-c4cd-4dc5-8814-258534644551" providerId="ADAL" clId="{E4EE2BBF-E6B8-4842-AE48-786E274FD108}" dt="2024-09-01T20:46:16.759" v="13220" actId="20577"/>
        <pc:sldMkLst>
          <pc:docMk/>
          <pc:sldMk cId="1508094709" sldId="2147197271"/>
        </pc:sldMkLst>
        <pc:spChg chg="mod ord">
          <ac:chgData name="Bjørn Henrik Hansen" userId="c3228015-c4cd-4dc5-8814-258534644551" providerId="ADAL" clId="{E4EE2BBF-E6B8-4842-AE48-786E274FD108}" dt="2024-09-01T13:12:42.596" v="10854" actId="700"/>
          <ac:spMkLst>
            <pc:docMk/>
            <pc:sldMk cId="1508094709" sldId="2147197271"/>
            <ac:spMk id="2" creationId="{838812D6-ED2D-CA4B-F428-D462E064C63E}"/>
          </ac:spMkLst>
        </pc:spChg>
        <pc:spChg chg="del">
          <ac:chgData name="Bjørn Henrik Hansen" userId="c3228015-c4cd-4dc5-8814-258534644551" providerId="ADAL" clId="{E4EE2BBF-E6B8-4842-AE48-786E274FD108}" dt="2024-09-01T12:47:18.184" v="10403" actId="478"/>
          <ac:spMkLst>
            <pc:docMk/>
            <pc:sldMk cId="1508094709" sldId="2147197271"/>
            <ac:spMk id="3" creationId="{F8BAB4DF-E239-C339-25CC-85F0BC3A6B74}"/>
          </ac:spMkLst>
        </pc:spChg>
        <pc:spChg chg="add mod ord">
          <ac:chgData name="Bjørn Henrik Hansen" userId="c3228015-c4cd-4dc5-8814-258534644551" providerId="ADAL" clId="{E4EE2BBF-E6B8-4842-AE48-786E274FD108}" dt="2024-09-01T20:46:16.759" v="13220" actId="20577"/>
          <ac:spMkLst>
            <pc:docMk/>
            <pc:sldMk cId="1508094709" sldId="2147197271"/>
            <ac:spMk id="5" creationId="{56151DC0-4FE1-A940-B5CE-54BC7D9B9343}"/>
          </ac:spMkLst>
        </pc:spChg>
        <pc:picChg chg="add del mod">
          <ac:chgData name="Bjørn Henrik Hansen" userId="c3228015-c4cd-4dc5-8814-258534644551" providerId="ADAL" clId="{E4EE2BBF-E6B8-4842-AE48-786E274FD108}" dt="2024-09-01T12:54:56.062" v="10455" actId="21"/>
          <ac:picMkLst>
            <pc:docMk/>
            <pc:sldMk cId="1508094709" sldId="2147197271"/>
            <ac:picMk id="4" creationId="{8CF8C377-961B-B0C6-5290-CF725A4F831B}"/>
          </ac:picMkLst>
        </pc:picChg>
        <pc:picChg chg="add mod">
          <ac:chgData name="Bjørn Henrik Hansen" userId="c3228015-c4cd-4dc5-8814-258534644551" providerId="ADAL" clId="{E4EE2BBF-E6B8-4842-AE48-786E274FD108}" dt="2024-09-01T13:19:31.014" v="11081"/>
          <ac:picMkLst>
            <pc:docMk/>
            <pc:sldMk cId="1508094709" sldId="2147197271"/>
            <ac:picMk id="6" creationId="{BD8BDC85-B41E-8740-0FAD-656EAB4466CF}"/>
          </ac:picMkLst>
        </pc:picChg>
        <pc:picChg chg="add mod">
          <ac:chgData name="Bjørn Henrik Hansen" userId="c3228015-c4cd-4dc5-8814-258534644551" providerId="ADAL" clId="{E4EE2BBF-E6B8-4842-AE48-786E274FD108}" dt="2024-09-01T13:19:31.014" v="11081"/>
          <ac:picMkLst>
            <pc:docMk/>
            <pc:sldMk cId="1508094709" sldId="2147197271"/>
            <ac:picMk id="7" creationId="{DD1B5593-84AC-A939-56A3-D1810711E0A1}"/>
          </ac:picMkLst>
        </pc:picChg>
        <pc:picChg chg="add mod">
          <ac:chgData name="Bjørn Henrik Hansen" userId="c3228015-c4cd-4dc5-8814-258534644551" providerId="ADAL" clId="{E4EE2BBF-E6B8-4842-AE48-786E274FD108}" dt="2024-09-01T13:19:31.014" v="11081"/>
          <ac:picMkLst>
            <pc:docMk/>
            <pc:sldMk cId="1508094709" sldId="2147197271"/>
            <ac:picMk id="8" creationId="{40EB0E2F-22DD-5AF7-1833-E9442FC1026D}"/>
          </ac:picMkLst>
        </pc:picChg>
      </pc:sldChg>
      <pc:sldChg chg="addSp modSp new mod ord modAnim modNotesTx">
        <pc:chgData name="Bjørn Henrik Hansen" userId="c3228015-c4cd-4dc5-8814-258534644551" providerId="ADAL" clId="{E4EE2BBF-E6B8-4842-AE48-786E274FD108}" dt="2024-09-01T20:04:51.322" v="11502"/>
        <pc:sldMkLst>
          <pc:docMk/>
          <pc:sldMk cId="188972782" sldId="2147197272"/>
        </pc:sldMkLst>
        <pc:spChg chg="mod">
          <ac:chgData name="Bjørn Henrik Hansen" userId="c3228015-c4cd-4dc5-8814-258534644551" providerId="ADAL" clId="{E4EE2BBF-E6B8-4842-AE48-786E274FD108}" dt="2024-09-01T13:04:10.400" v="10810" actId="1076"/>
          <ac:spMkLst>
            <pc:docMk/>
            <pc:sldMk cId="188972782" sldId="2147197272"/>
            <ac:spMk id="2" creationId="{595FC225-CA9F-CB91-F781-EC33B4FC52A7}"/>
          </ac:spMkLst>
        </pc:spChg>
        <pc:spChg chg="mod">
          <ac:chgData name="Bjørn Henrik Hansen" userId="c3228015-c4cd-4dc5-8814-258534644551" providerId="ADAL" clId="{E4EE2BBF-E6B8-4842-AE48-786E274FD108}" dt="2024-09-01T20:03:46.092" v="11494" actId="207"/>
          <ac:spMkLst>
            <pc:docMk/>
            <pc:sldMk cId="188972782" sldId="2147197272"/>
            <ac:spMk id="3" creationId="{FBFD0781-AC68-A00C-87EF-AD41C157D4E7}"/>
          </ac:spMkLst>
        </pc:spChg>
        <pc:spChg chg="add mod">
          <ac:chgData name="Bjørn Henrik Hansen" userId="c3228015-c4cd-4dc5-8814-258534644551" providerId="ADAL" clId="{E4EE2BBF-E6B8-4842-AE48-786E274FD108}" dt="2024-09-01T20:04:35.803" v="11498" actId="164"/>
          <ac:spMkLst>
            <pc:docMk/>
            <pc:sldMk cId="188972782" sldId="2147197272"/>
            <ac:spMk id="7" creationId="{A2E6F687-E5DD-70EC-77AD-83A53AE55250}"/>
          </ac:spMkLst>
        </pc:spChg>
        <pc:spChg chg="add mod">
          <ac:chgData name="Bjørn Henrik Hansen" userId="c3228015-c4cd-4dc5-8814-258534644551" providerId="ADAL" clId="{E4EE2BBF-E6B8-4842-AE48-786E274FD108}" dt="2024-09-01T20:04:35.803" v="11498" actId="164"/>
          <ac:spMkLst>
            <pc:docMk/>
            <pc:sldMk cId="188972782" sldId="2147197272"/>
            <ac:spMk id="8" creationId="{F0038800-938C-B37B-2A6C-34F1E3DEF7AF}"/>
          </ac:spMkLst>
        </pc:spChg>
        <pc:spChg chg="add mod">
          <ac:chgData name="Bjørn Henrik Hansen" userId="c3228015-c4cd-4dc5-8814-258534644551" providerId="ADAL" clId="{E4EE2BBF-E6B8-4842-AE48-786E274FD108}" dt="2024-09-01T20:04:35.803" v="11498" actId="164"/>
          <ac:spMkLst>
            <pc:docMk/>
            <pc:sldMk cId="188972782" sldId="2147197272"/>
            <ac:spMk id="9" creationId="{B76552C1-860D-A193-834A-CF7CBA0F2DCB}"/>
          </ac:spMkLst>
        </pc:spChg>
        <pc:spChg chg="add mod">
          <ac:chgData name="Bjørn Henrik Hansen" userId="c3228015-c4cd-4dc5-8814-258534644551" providerId="ADAL" clId="{E4EE2BBF-E6B8-4842-AE48-786E274FD108}" dt="2024-09-01T20:04:35.803" v="11498" actId="164"/>
          <ac:spMkLst>
            <pc:docMk/>
            <pc:sldMk cId="188972782" sldId="2147197272"/>
            <ac:spMk id="10" creationId="{22F9D8E1-3AB4-586B-F647-B368174A84F5}"/>
          </ac:spMkLst>
        </pc:spChg>
        <pc:grpChg chg="add mod">
          <ac:chgData name="Bjørn Henrik Hansen" userId="c3228015-c4cd-4dc5-8814-258534644551" providerId="ADAL" clId="{E4EE2BBF-E6B8-4842-AE48-786E274FD108}" dt="2024-09-01T20:04:35.803" v="11498" actId="164"/>
          <ac:grpSpMkLst>
            <pc:docMk/>
            <pc:sldMk cId="188972782" sldId="2147197272"/>
            <ac:grpSpMk id="11" creationId="{C9A90700-D453-07DA-F593-24B3BB70F82B}"/>
          </ac:grpSpMkLst>
        </pc:grpChg>
        <pc:picChg chg="add mod">
          <ac:chgData name="Bjørn Henrik Hansen" userId="c3228015-c4cd-4dc5-8814-258534644551" providerId="ADAL" clId="{E4EE2BBF-E6B8-4842-AE48-786E274FD108}" dt="2024-09-01T12:59:29.846" v="10635" actId="14100"/>
          <ac:picMkLst>
            <pc:docMk/>
            <pc:sldMk cId="188972782" sldId="2147197272"/>
            <ac:picMk id="4" creationId="{8CF8C377-961B-B0C6-5290-CF725A4F831B}"/>
          </ac:picMkLst>
        </pc:picChg>
        <pc:picChg chg="add mod">
          <ac:chgData name="Bjørn Henrik Hansen" userId="c3228015-c4cd-4dc5-8814-258534644551" providerId="ADAL" clId="{E4EE2BBF-E6B8-4842-AE48-786E274FD108}" dt="2024-09-01T20:04:35.803" v="11498" actId="164"/>
          <ac:picMkLst>
            <pc:docMk/>
            <pc:sldMk cId="188972782" sldId="2147197272"/>
            <ac:picMk id="5" creationId="{15EE2782-302F-A4B5-B239-47FD1727572D}"/>
          </ac:picMkLst>
        </pc:picChg>
        <pc:picChg chg="add mod">
          <ac:chgData name="Bjørn Henrik Hansen" userId="c3228015-c4cd-4dc5-8814-258534644551" providerId="ADAL" clId="{E4EE2BBF-E6B8-4842-AE48-786E274FD108}" dt="2024-09-01T20:04:35.803" v="11498" actId="164"/>
          <ac:picMkLst>
            <pc:docMk/>
            <pc:sldMk cId="188972782" sldId="2147197272"/>
            <ac:picMk id="6" creationId="{4D129231-8344-FC4A-AF2B-8635A9042E24}"/>
          </ac:picMkLst>
        </pc:picChg>
      </pc:sldChg>
      <pc:sldMasterChg chg="delSldLayout">
        <pc:chgData name="Bjørn Henrik Hansen" userId="c3228015-c4cd-4dc5-8814-258534644551" providerId="ADAL" clId="{E4EE2BBF-E6B8-4842-AE48-786E274FD108}" dt="2024-09-02T08:17:01.355" v="13333" actId="2696"/>
        <pc:sldMasterMkLst>
          <pc:docMk/>
          <pc:sldMasterMk cId="750743933" sldId="2147483648"/>
        </pc:sldMasterMkLst>
        <pc:sldLayoutChg chg="del">
          <pc:chgData name="Bjørn Henrik Hansen" userId="c3228015-c4cd-4dc5-8814-258534644551" providerId="ADAL" clId="{E4EE2BBF-E6B8-4842-AE48-786E274FD108}" dt="2024-09-02T08:17:01.355" v="13333" actId="2696"/>
          <pc:sldLayoutMkLst>
            <pc:docMk/>
            <pc:sldMasterMk cId="750743933" sldId="2147483648"/>
            <pc:sldLayoutMk cId="75020728" sldId="2147483797"/>
          </pc:sldLayoutMkLst>
        </pc:sldLayoutChg>
        <pc:sldLayoutChg chg="del">
          <pc:chgData name="Bjørn Henrik Hansen" userId="c3228015-c4cd-4dc5-8814-258534644551" providerId="ADAL" clId="{E4EE2BBF-E6B8-4842-AE48-786E274FD108}" dt="2024-09-01T20:13:10.582" v="12082" actId="47"/>
          <pc:sldLayoutMkLst>
            <pc:docMk/>
            <pc:sldMasterMk cId="750743933" sldId="2147483648"/>
            <pc:sldLayoutMk cId="372418928" sldId="2147483798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29.08.2024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29.08.2024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494427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sz="1200" dirty="0"/>
              <a:t>N58.565 E9.4885</a:t>
            </a:r>
          </a:p>
          <a:p>
            <a:r>
              <a:rPr lang="nb-NO" sz="1200" dirty="0"/>
              <a:t>Koordinatene benyttet til Scope øvelsen, hvor scenariet var kollisjon mellom annet fartøy og en NH3 kjemikalietanker utenfor Langesund (på vei til/fra </a:t>
            </a:r>
            <a:r>
              <a:rPr lang="nb-NO" sz="1200" dirty="0" err="1"/>
              <a:t>Hærøya</a:t>
            </a:r>
            <a:r>
              <a:rPr lang="nb-NO" sz="1200" dirty="0"/>
              <a:t>).</a:t>
            </a:r>
          </a:p>
          <a:p>
            <a:r>
              <a:rPr lang="nb-NO" sz="1200" dirty="0" err="1"/>
              <a:t>Hærøya</a:t>
            </a:r>
            <a:r>
              <a:rPr lang="nb-NO" sz="1200" dirty="0"/>
              <a:t> er pr. i dag et kraftsentrum innen NH3 i Norge, og godt involvert i FME H2i.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2249646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Low</a:t>
            </a:r>
            <a:r>
              <a:rPr lang="nb-NO" dirty="0"/>
              <a:t> </a:t>
            </a:r>
            <a:r>
              <a:rPr lang="nb-NO" dirty="0" err="1"/>
              <a:t>vapour</a:t>
            </a:r>
            <a:r>
              <a:rPr lang="nb-NO" dirty="0"/>
              <a:t> </a:t>
            </a:r>
            <a:r>
              <a:rPr lang="nb-NO" dirty="0" err="1"/>
              <a:t>pressure</a:t>
            </a:r>
            <a:r>
              <a:rPr lang="nb-NO" dirty="0"/>
              <a:t>,  High water </a:t>
            </a:r>
            <a:r>
              <a:rPr lang="nb-NO" dirty="0" err="1"/>
              <a:t>solubility</a:t>
            </a:r>
            <a:r>
              <a:rPr lang="nb-NO" dirty="0"/>
              <a:t>, </a:t>
            </a:r>
            <a:r>
              <a:rPr lang="nb-NO" dirty="0" err="1"/>
              <a:t>Ionizes</a:t>
            </a:r>
            <a:r>
              <a:rPr lang="nb-NO" dirty="0"/>
              <a:t> to ammonium in water (</a:t>
            </a:r>
            <a:r>
              <a:rPr lang="nb-NO" dirty="0" err="1"/>
              <a:t>dep</a:t>
            </a:r>
            <a:r>
              <a:rPr lang="nb-NO" dirty="0"/>
              <a:t>, Not bioaccumulative</a:t>
            </a:r>
          </a:p>
          <a:p>
            <a:r>
              <a:rPr lang="nb-NO" dirty="0" err="1"/>
              <a:t>Lack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ecotoxicity</a:t>
            </a:r>
            <a:r>
              <a:rPr lang="nb-NO" dirty="0"/>
              <a:t> data for </a:t>
            </a:r>
            <a:r>
              <a:rPr lang="nb-NO" dirty="0" err="1"/>
              <a:t>cold</a:t>
            </a:r>
            <a:r>
              <a:rPr lang="nb-NO" dirty="0"/>
              <a:t>-water marine species</a:t>
            </a:r>
          </a:p>
          <a:p>
            <a:r>
              <a:rPr lang="nb-NO" dirty="0" err="1"/>
              <a:t>Impact-based</a:t>
            </a:r>
            <a:r>
              <a:rPr lang="nb-NO" dirty="0"/>
              <a:t> scenarios </a:t>
            </a:r>
            <a:r>
              <a:rPr lang="nb-NO" dirty="0" err="1"/>
              <a:t>should</a:t>
            </a:r>
            <a:r>
              <a:rPr lang="nb-NO" dirty="0"/>
              <a:t> be </a:t>
            </a:r>
            <a:r>
              <a:rPr lang="nb-NO" dirty="0" err="1"/>
              <a:t>considered</a:t>
            </a:r>
            <a:r>
              <a:rPr lang="nb-NO" dirty="0"/>
              <a:t> for </a:t>
            </a:r>
            <a:r>
              <a:rPr lang="nb-NO" dirty="0" err="1"/>
              <a:t>specific</a:t>
            </a:r>
            <a:r>
              <a:rPr lang="nb-NO" dirty="0"/>
              <a:t> locations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1359903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2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34538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Utvikling av </a:t>
            </a:r>
            <a:r>
              <a:rPr lang="nb-NO" dirty="0" err="1"/>
              <a:t>zebrafiskembryo</a:t>
            </a:r>
            <a:r>
              <a:rPr lang="nb-NO" dirty="0"/>
              <a:t> fra befruktning til plommesekklarve – det tar under fire dager. </a:t>
            </a:r>
          </a:p>
          <a:p>
            <a:r>
              <a:rPr lang="nb-NO" dirty="0"/>
              <a:t>Utrolig mye som skjer og som må skje perfekt koordinert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4681929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Vår </a:t>
            </a:r>
            <a:r>
              <a:rPr lang="nb-NO" dirty="0" err="1"/>
              <a:t>sebrafisk</a:t>
            </a:r>
            <a:endParaRPr lang="nb-NO" dirty="0"/>
          </a:p>
          <a:p>
            <a:r>
              <a:rPr lang="nb-NO"/>
              <a:t>Utviklingstid - </a:t>
            </a:r>
            <a:r>
              <a:rPr lang="nb-NO" dirty="0"/>
              <a:t>test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3470571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0716140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6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87757435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Petrogene drivstoff forårsaker lite akutt dødelighet, men de forårsaker utviklingsskader ved svært lave konsentrasjoner (µg/L) i vannet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9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0272783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Ammoniakk medfører akutt dødelighet når konsentrasjonen er høy nok (mg/L), og eggene som overlever akutt eksponering utvikler seg normalt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0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47519545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200" dirty="0"/>
              <a:t>Hvilke arter er mest sensitive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200" dirty="0"/>
              <a:t>Ved hvilken konsentrasjon ser vi ingen effekter på noen arter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200" dirty="0"/>
              <a:t>Ved en gitt konsentrasjon, hvilke arter er potentielt påvirket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200" dirty="0"/>
              <a:t>Torsk er relativt sensitiv for TAN, men blant de mest sensitive for NH3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33765346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PEC: Properties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component</a:t>
            </a:r>
            <a:r>
              <a:rPr lang="nb-NO" dirty="0"/>
              <a:t> </a:t>
            </a:r>
            <a:r>
              <a:rPr lang="nb-NO" dirty="0" err="1"/>
              <a:t>released</a:t>
            </a:r>
            <a:r>
              <a:rPr lang="nb-NO" dirty="0"/>
              <a:t> (</a:t>
            </a:r>
            <a:r>
              <a:rPr lang="nb-NO" dirty="0" err="1"/>
              <a:t>boiling</a:t>
            </a:r>
            <a:r>
              <a:rPr lang="nb-NO" dirty="0"/>
              <a:t> </a:t>
            </a:r>
            <a:r>
              <a:rPr lang="nb-NO" dirty="0" err="1"/>
              <a:t>point</a:t>
            </a:r>
            <a:r>
              <a:rPr lang="nb-NO" dirty="0"/>
              <a:t>,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lease</a:t>
            </a:r>
            <a:r>
              <a:rPr lang="nb-NO" dirty="0"/>
              <a:t> scenario (</a:t>
            </a:r>
            <a:r>
              <a:rPr lang="nb-NO" dirty="0" err="1"/>
              <a:t>depth</a:t>
            </a:r>
            <a:r>
              <a:rPr lang="nb-NO" dirty="0"/>
              <a:t>, rate, </a:t>
            </a:r>
            <a:r>
              <a:rPr lang="nb-NO" dirty="0" err="1"/>
              <a:t>mass</a:t>
            </a:r>
            <a:r>
              <a:rPr lang="nb-NO" dirty="0"/>
              <a:t>) AND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environment</a:t>
            </a:r>
            <a:r>
              <a:rPr lang="nb-NO" dirty="0"/>
              <a:t> in </a:t>
            </a:r>
            <a:r>
              <a:rPr lang="nb-NO" dirty="0" err="1"/>
              <a:t>which</a:t>
            </a:r>
            <a:r>
              <a:rPr lang="nb-NO" dirty="0"/>
              <a:t> it has </a:t>
            </a:r>
            <a:r>
              <a:rPr lang="nb-NO" dirty="0" err="1"/>
              <a:t>been</a:t>
            </a:r>
            <a:r>
              <a:rPr lang="nb-NO" dirty="0"/>
              <a:t> </a:t>
            </a:r>
            <a:r>
              <a:rPr lang="nb-NO" dirty="0" err="1"/>
              <a:t>released</a:t>
            </a:r>
            <a:r>
              <a:rPr lang="nb-NO" dirty="0"/>
              <a:t> (</a:t>
            </a:r>
            <a:r>
              <a:rPr lang="nb-NO" dirty="0" err="1"/>
              <a:t>current</a:t>
            </a:r>
            <a:r>
              <a:rPr lang="nb-NO" dirty="0"/>
              <a:t>, </a:t>
            </a:r>
            <a:r>
              <a:rPr lang="nb-NO" dirty="0" err="1"/>
              <a:t>weather</a:t>
            </a:r>
            <a:r>
              <a:rPr lang="nb-NO" dirty="0"/>
              <a:t>, location)</a:t>
            </a:r>
          </a:p>
          <a:p>
            <a:r>
              <a:rPr lang="nb-NO" dirty="0"/>
              <a:t>PNEC: </a:t>
            </a:r>
            <a:r>
              <a:rPr lang="nb-NO" dirty="0" err="1"/>
              <a:t>Toxic</a:t>
            </a:r>
            <a:r>
              <a:rPr lang="nb-NO" dirty="0"/>
              <a:t> </a:t>
            </a:r>
            <a:r>
              <a:rPr lang="nb-NO" dirty="0" err="1"/>
              <a:t>properties</a:t>
            </a:r>
            <a:r>
              <a:rPr lang="nb-NO" dirty="0"/>
              <a:t> to </a:t>
            </a:r>
            <a:r>
              <a:rPr lang="nb-NO" dirty="0" err="1"/>
              <a:t>local</a:t>
            </a:r>
            <a:r>
              <a:rPr lang="nb-NO" dirty="0"/>
              <a:t> biota</a:t>
            </a:r>
          </a:p>
          <a:p>
            <a:endParaRPr lang="nb-NO" dirty="0"/>
          </a:p>
          <a:p>
            <a:r>
              <a:rPr lang="nb-NO" dirty="0"/>
              <a:t>ERA</a:t>
            </a:r>
          </a:p>
          <a:p>
            <a:r>
              <a:rPr lang="nb-NO" dirty="0"/>
              <a:t>DREAM </a:t>
            </a:r>
            <a:r>
              <a:rPr lang="nb-NO" dirty="0" err="1"/>
              <a:t>model</a:t>
            </a:r>
            <a:r>
              <a:rPr lang="nb-NO" dirty="0"/>
              <a:t> – fate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ammonia</a:t>
            </a:r>
            <a:r>
              <a:rPr lang="nb-NO" dirty="0"/>
              <a:t> in </a:t>
            </a:r>
            <a:r>
              <a:rPr lang="nb-NO" dirty="0" err="1"/>
              <a:t>the</a:t>
            </a:r>
            <a:r>
              <a:rPr lang="nb-NO" dirty="0"/>
              <a:t> marine </a:t>
            </a:r>
            <a:r>
              <a:rPr lang="nb-NO" dirty="0" err="1"/>
              <a:t>environment</a:t>
            </a:r>
            <a:endParaRPr lang="nb-NO" dirty="0"/>
          </a:p>
          <a:p>
            <a:r>
              <a:rPr lang="nb-NO" dirty="0"/>
              <a:t>Ratio &gt; 1 </a:t>
            </a:r>
            <a:r>
              <a:rPr lang="nb-NO" dirty="0">
                <a:sym typeface="Wingdings" panose="05000000000000000000" pitchFamily="2" charset="2"/>
              </a:rPr>
              <a:t> risk </a:t>
            </a:r>
            <a:r>
              <a:rPr lang="nb-NO" dirty="0" err="1">
                <a:sym typeface="Wingdings" panose="05000000000000000000" pitchFamily="2" charset="2"/>
              </a:rPr>
              <a:t>of</a:t>
            </a:r>
            <a:r>
              <a:rPr lang="nb-NO" dirty="0">
                <a:sym typeface="Wingdings" panose="05000000000000000000" pitchFamily="2" charset="2"/>
              </a:rPr>
              <a:t> </a:t>
            </a:r>
            <a:r>
              <a:rPr lang="nb-NO" dirty="0" err="1">
                <a:sym typeface="Wingdings" panose="05000000000000000000" pitchFamily="2" charset="2"/>
              </a:rPr>
              <a:t>environmental</a:t>
            </a:r>
            <a:r>
              <a:rPr lang="nb-NO" dirty="0">
                <a:sym typeface="Wingdings" panose="05000000000000000000" pitchFamily="2" charset="2"/>
              </a:rPr>
              <a:t> </a:t>
            </a:r>
            <a:r>
              <a:rPr lang="nb-NO" dirty="0" err="1">
                <a:sym typeface="Wingdings" panose="05000000000000000000" pitchFamily="2" charset="2"/>
              </a:rPr>
              <a:t>effects</a:t>
            </a:r>
            <a:endParaRPr lang="nb-NO" dirty="0">
              <a:sym typeface="Wingdings" panose="05000000000000000000" pitchFamily="2" charset="2"/>
            </a:endParaRPr>
          </a:p>
          <a:p>
            <a:r>
              <a:rPr lang="nb-NO" dirty="0" err="1">
                <a:sym typeface="Wingdings" panose="05000000000000000000" pitchFamily="2" charset="2"/>
              </a:rPr>
              <a:t>Dissolved</a:t>
            </a:r>
            <a:r>
              <a:rPr lang="nb-NO" dirty="0">
                <a:sym typeface="Wingdings" panose="05000000000000000000" pitchFamily="2" charset="2"/>
              </a:rPr>
              <a:t> and </a:t>
            </a:r>
            <a:r>
              <a:rPr lang="nb-NO" dirty="0" err="1">
                <a:sym typeface="Wingdings" panose="05000000000000000000" pitchFamily="2" charset="2"/>
              </a:rPr>
              <a:t>bioavailable</a:t>
            </a:r>
            <a:r>
              <a:rPr lang="nb-NO" dirty="0">
                <a:sym typeface="Wingdings" panose="05000000000000000000" pitchFamily="2" charset="2"/>
              </a:rPr>
              <a:t> </a:t>
            </a:r>
            <a:r>
              <a:rPr lang="nb-NO" dirty="0" err="1">
                <a:sym typeface="Wingdings" panose="05000000000000000000" pitchFamily="2" charset="2"/>
              </a:rPr>
              <a:t>fraction</a:t>
            </a:r>
            <a:endParaRPr lang="nb-NO" dirty="0">
              <a:sym typeface="Wingdings" panose="05000000000000000000" pitchFamily="2" charset="2"/>
            </a:endParaRPr>
          </a:p>
          <a:p>
            <a:endParaRPr lang="nb-NO" dirty="0">
              <a:sym typeface="Wingdings" panose="05000000000000000000" pitchFamily="2" charset="2"/>
            </a:endParaRPr>
          </a:p>
          <a:p>
            <a:r>
              <a:rPr lang="nb-NO" dirty="0" err="1">
                <a:sym typeface="Wingdings" panose="05000000000000000000" pitchFamily="2" charset="2"/>
              </a:rPr>
              <a:t>Where</a:t>
            </a:r>
            <a:r>
              <a:rPr lang="nb-NO" dirty="0">
                <a:sym typeface="Wingdings" panose="05000000000000000000" pitchFamily="2" charset="2"/>
              </a:rPr>
              <a:t> </a:t>
            </a:r>
            <a:r>
              <a:rPr lang="nb-NO" dirty="0" err="1">
                <a:sym typeface="Wingdings" panose="05000000000000000000" pitchFamily="2" charset="2"/>
              </a:rPr>
              <a:t>does</a:t>
            </a:r>
            <a:r>
              <a:rPr lang="nb-NO" dirty="0">
                <a:sym typeface="Wingdings" panose="05000000000000000000" pitchFamily="2" charset="2"/>
              </a:rPr>
              <a:t> </a:t>
            </a:r>
            <a:r>
              <a:rPr lang="nb-NO" dirty="0" err="1">
                <a:sym typeface="Wingdings" panose="05000000000000000000" pitchFamily="2" charset="2"/>
              </a:rPr>
              <a:t>these</a:t>
            </a:r>
            <a:r>
              <a:rPr lang="nb-NO" dirty="0">
                <a:sym typeface="Wingdings" panose="05000000000000000000" pitchFamily="2" charset="2"/>
              </a:rPr>
              <a:t> </a:t>
            </a:r>
            <a:r>
              <a:rPr lang="nb-NO" dirty="0" err="1">
                <a:sym typeface="Wingdings" panose="05000000000000000000" pitchFamily="2" charset="2"/>
              </a:rPr>
              <a:t>concentrations</a:t>
            </a:r>
            <a:r>
              <a:rPr lang="nb-NO" dirty="0">
                <a:sym typeface="Wingdings" panose="05000000000000000000" pitchFamily="2" charset="2"/>
              </a:rPr>
              <a:t> </a:t>
            </a:r>
            <a:r>
              <a:rPr lang="nb-NO" dirty="0" err="1">
                <a:sym typeface="Wingdings" panose="05000000000000000000" pitchFamily="2" charset="2"/>
              </a:rPr>
              <a:t>occur</a:t>
            </a:r>
            <a:endParaRPr lang="nb-NO" dirty="0"/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25182091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70912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69367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23632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 dirty="0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6023F19-6759-EB69-636C-44309C22BD02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7">
            <a:extLst>
              <a:ext uri="{FF2B5EF4-FFF2-40B4-BE49-F238E27FC236}">
                <a16:creationId xmlns:a16="http://schemas.microsoft.com/office/drawing/2014/main" id="{EEDD0BA7-C436-7FE0-64B1-EBC49CF4FA2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6E4096-9A09-FBED-C1E7-FEFE02F1696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8B97A22-7072-4F9B-9DE7-1E83A7AB9B7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 dirty="0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A8D0D5-4142-8923-1F30-87F81C50F26A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EB83B5-5908-DF89-41BA-94832817B52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D08FDB28-774C-23CB-1CC9-933DDC719F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13721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7241673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4031018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375472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3A824F-C3C0-D97F-72E5-E9754DEF17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321492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329214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D9754A88-59FE-61BF-7D2B-6E43655B172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76BA10D-9082-15DC-F04B-76C826DB02FA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0E4E60F7-6972-8FCD-B395-F74B81915230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C05A50BC-D84A-A4EA-E1A5-5EE8CD83F8F3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29610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7E2B3-6F8D-E9A1-1C6C-3248325BBC5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C39F5B-006F-0AE4-AE38-1C0F9343E86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Rød">
    <p:bg>
      <p:bgPr>
        <a:solidFill>
          <a:srgbClr val="DE9D9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147BDF-8B4A-A73D-84DD-73FFC7E92C7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95628350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DB9-E2A7-5147-0D09-6C7B99412E6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C31927-AD98-66DE-D978-26CF854123D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CEE7-DBA2-5473-B933-F8F1A22876C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333820-83DD-EBD4-9A3E-7157895EE35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ul">
    <p:bg>
      <p:bgPr>
        <a:solidFill>
          <a:srgbClr val="EAD7A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50927A-CE72-B2BF-0899-A3E0B10E06F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76579914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53F787-3D9D-8555-93E4-ECDC90418A8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Lilla">
    <p:bg>
      <p:bgPr>
        <a:solidFill>
          <a:srgbClr val="BB7FA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521AD-2E85-FCC5-6DF6-9BE9491D599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2269628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471350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85522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85522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60972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060972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806172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6360884" y="2806172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sv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13" Type="http://schemas.openxmlformats.org/officeDocument/2006/relationships/slideLayout" Target="../slideLayouts/slideLayout32.xml"/><Relationship Id="rId18" Type="http://schemas.openxmlformats.org/officeDocument/2006/relationships/slideLayout" Target="../slideLayouts/slideLayout37.xml"/><Relationship Id="rId3" Type="http://schemas.openxmlformats.org/officeDocument/2006/relationships/slideLayout" Target="../slideLayouts/slideLayout22.xml"/><Relationship Id="rId21" Type="http://schemas.openxmlformats.org/officeDocument/2006/relationships/image" Target="../media/image8.svg"/><Relationship Id="rId7" Type="http://schemas.openxmlformats.org/officeDocument/2006/relationships/slideLayout" Target="../slideLayouts/slideLayout26.xml"/><Relationship Id="rId12" Type="http://schemas.openxmlformats.org/officeDocument/2006/relationships/slideLayout" Target="../slideLayouts/slideLayout31.xml"/><Relationship Id="rId17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1.xml"/><Relationship Id="rId16" Type="http://schemas.openxmlformats.org/officeDocument/2006/relationships/slideLayout" Target="../slideLayouts/slideLayout35.xml"/><Relationship Id="rId20" Type="http://schemas.openxmlformats.org/officeDocument/2006/relationships/image" Target="../media/image7.png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slideLayout" Target="../slideLayouts/slideLayout30.xml"/><Relationship Id="rId5" Type="http://schemas.openxmlformats.org/officeDocument/2006/relationships/slideLayout" Target="../slideLayouts/slideLayout24.xml"/><Relationship Id="rId15" Type="http://schemas.openxmlformats.org/officeDocument/2006/relationships/slideLayout" Target="../slideLayouts/slideLayout34.xml"/><Relationship Id="rId10" Type="http://schemas.openxmlformats.org/officeDocument/2006/relationships/slideLayout" Target="../slideLayouts/slideLayout29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Relationship Id="rId14" Type="http://schemas.openxmlformats.org/officeDocument/2006/relationships/slideLayout" Target="../slideLayouts/slideLayout3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image" Target="../media/image2.svg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42.xml"/><Relationship Id="rId10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21">
            <a:extLs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795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749" r:id="rId15"/>
    <p:sldLayoutId id="2147483790" r:id="rId16"/>
    <p:sldLayoutId id="2147483696" r:id="rId17"/>
    <p:sldLayoutId id="2147483789" r:id="rId18"/>
    <p:sldLayoutId id="2147483668" r:id="rId19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10752428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96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91" r:id="rId17"/>
    <p:sldLayoutId id="2147483784" r:id="rId18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93" r:id="rId3"/>
    <p:sldLayoutId id="2147483710" r:id="rId4"/>
    <p:sldLayoutId id="2147483709" r:id="rId5"/>
    <p:sldLayoutId id="2147483711" r:id="rId6"/>
    <p:sldLayoutId id="2147483712" r:id="rId7"/>
    <p:sldLayoutId id="2147483792" r:id="rId8"/>
    <p:sldLayoutId id="2147483713" r:id="rId9"/>
    <p:sldLayoutId id="2147483794" r:id="rId1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tags" Target="../tags/tag1.xml"/><Relationship Id="rId7" Type="http://schemas.openxmlformats.org/officeDocument/2006/relationships/image" Target="../media/image12.png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6.xml"/><Relationship Id="rId6" Type="http://schemas.openxmlformats.org/officeDocument/2006/relationships/image" Target="../media/image11.jpe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emf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35.emf"/><Relationship Id="rId4" Type="http://schemas.openxmlformats.org/officeDocument/2006/relationships/image" Target="../media/image34.em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7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video" Target="../media/media4.mp4"/><Relationship Id="rId13" Type="http://schemas.openxmlformats.org/officeDocument/2006/relationships/image" Target="../media/image42.png"/><Relationship Id="rId3" Type="http://schemas.microsoft.com/office/2007/relationships/media" Target="../media/media2.mp4"/><Relationship Id="rId7" Type="http://schemas.microsoft.com/office/2007/relationships/media" Target="../media/media4.mp4"/><Relationship Id="rId12" Type="http://schemas.openxmlformats.org/officeDocument/2006/relationships/image" Target="../media/image41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video" Target="../media/media3.mp4"/><Relationship Id="rId11" Type="http://schemas.openxmlformats.org/officeDocument/2006/relationships/image" Target="../media/image40.png"/><Relationship Id="rId5" Type="http://schemas.microsoft.com/office/2007/relationships/media" Target="../media/media3.mp4"/><Relationship Id="rId10" Type="http://schemas.openxmlformats.org/officeDocument/2006/relationships/image" Target="../media/image39.png"/><Relationship Id="rId4" Type="http://schemas.openxmlformats.org/officeDocument/2006/relationships/video" Target="../media/media2.mp4"/><Relationship Id="rId9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hyperlink" Target="https://hydrogeni.no/" TargetMode="Externa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48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3" Type="http://schemas.microsoft.com/office/2007/relationships/hdphoto" Target="../media/hdphoto8.wdp"/><Relationship Id="rId7" Type="http://schemas.microsoft.com/office/2007/relationships/hdphoto" Target="../media/hdphoto10.wdp"/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51.png"/><Relationship Id="rId5" Type="http://schemas.microsoft.com/office/2007/relationships/hdphoto" Target="../media/hdphoto9.wdp"/><Relationship Id="rId4" Type="http://schemas.openxmlformats.org/officeDocument/2006/relationships/image" Target="../media/image50.png"/><Relationship Id="rId9" Type="http://schemas.openxmlformats.org/officeDocument/2006/relationships/image" Target="../media/image53.gi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8.xml"/><Relationship Id="rId5" Type="http://schemas.openxmlformats.org/officeDocument/2006/relationships/notesSlide" Target="../notesSlides/notesSlide12.xml"/><Relationship Id="rId4" Type="http://schemas.openxmlformats.org/officeDocument/2006/relationships/slideLayout" Target="../slideLayouts/slideLayout1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gi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8" Type="http://schemas.microsoft.com/office/2007/relationships/hdphoto" Target="../media/hdphoto4.wdp"/><Relationship Id="rId13" Type="http://schemas.openxmlformats.org/officeDocument/2006/relationships/image" Target="../media/image19.gif"/><Relationship Id="rId3" Type="http://schemas.openxmlformats.org/officeDocument/2006/relationships/image" Target="../media/image14.png"/><Relationship Id="rId7" Type="http://schemas.openxmlformats.org/officeDocument/2006/relationships/image" Target="../media/image16.png"/><Relationship Id="rId12" Type="http://schemas.microsoft.com/office/2007/relationships/hdphoto" Target="../media/hdphoto6.wdp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Relationship Id="rId6" Type="http://schemas.microsoft.com/office/2007/relationships/hdphoto" Target="../media/hdphoto3.wdp"/><Relationship Id="rId11" Type="http://schemas.openxmlformats.org/officeDocument/2006/relationships/image" Target="../media/image18.png"/><Relationship Id="rId5" Type="http://schemas.openxmlformats.org/officeDocument/2006/relationships/image" Target="../media/image15.png"/><Relationship Id="rId15" Type="http://schemas.microsoft.com/office/2007/relationships/hdphoto" Target="../media/hdphoto7.wdp"/><Relationship Id="rId10" Type="http://schemas.microsoft.com/office/2007/relationships/hdphoto" Target="../media/hdphoto5.wdp"/><Relationship Id="rId4" Type="http://schemas.microsoft.com/office/2007/relationships/hdphoto" Target="../media/hdphoto2.wdp"/><Relationship Id="rId9" Type="http://schemas.openxmlformats.org/officeDocument/2006/relationships/image" Target="../media/image17.png"/><Relationship Id="rId14" Type="http://schemas.openxmlformats.org/officeDocument/2006/relationships/image" Target="../media/image20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6.png"/><Relationship Id="rId5" Type="http://schemas.openxmlformats.org/officeDocument/2006/relationships/image" Target="../media/image23.jpeg"/><Relationship Id="rId4" Type="http://schemas.openxmlformats.org/officeDocument/2006/relationships/image" Target="../media/image22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6.jpeg"/><Relationship Id="rId4" Type="http://schemas.openxmlformats.org/officeDocument/2006/relationships/image" Target="../media/image25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gif"/><Relationship Id="rId2" Type="http://schemas.openxmlformats.org/officeDocument/2006/relationships/image" Target="../media/image29.emf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0.gi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microsoft.com/office/2007/relationships/hdphoto" Target="../media/hdphoto1.wdp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2.png"/><Relationship Id="rId5" Type="http://schemas.microsoft.com/office/2007/relationships/hdphoto" Target="../media/hdphoto4.wdp"/><Relationship Id="rId4" Type="http://schemas.openxmlformats.org/officeDocument/2006/relationships/image" Target="../media/image1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Content Placeholder 4">
            <a:extLst>
              <a:ext uri="{FF2B5EF4-FFF2-40B4-BE49-F238E27FC236}">
                <a16:creationId xmlns:a16="http://schemas.microsoft.com/office/drawing/2014/main" id="{1C972656-597F-3D43-E1CA-E79DEAB68BCF}"/>
              </a:ext>
            </a:extLst>
          </p:cNvPr>
          <p:cNvPicPr/>
          <p:nvPr/>
        </p:nvPicPr>
        <p:blipFill rotWithShape="1">
          <a:blip r:embed="rId6" cstate="print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062" b="6908"/>
          <a:stretch/>
        </p:blipFill>
        <p:spPr>
          <a:xfrm>
            <a:off x="0" y="0"/>
            <a:ext cx="12207876" cy="6857999"/>
          </a:xfrm>
          <a:prstGeom prst="rect">
            <a:avLst/>
          </a:prstGeom>
        </p:spPr>
      </p:pic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6B71C4A-5C5B-0F89-7D30-6D0352D8EE5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-1" y="3131586"/>
            <a:ext cx="7218947" cy="2980455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6A3DDAB3-5855-3F9D-CF22-7CB003F2AEE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95500" y="4537245"/>
            <a:ext cx="6498858" cy="676275"/>
          </a:xfrm>
        </p:spPr>
        <p:txBody>
          <a:bodyPr/>
          <a:lstStyle/>
          <a:p>
            <a:r>
              <a:rPr lang="en-GB" dirty="0"/>
              <a:t>Bjørn Henrik Hansen</a:t>
            </a:r>
            <a:br>
              <a:rPr lang="en-GB" dirty="0"/>
            </a:br>
            <a:r>
              <a:rPr lang="en-GB" dirty="0"/>
              <a:t>Julia Farkas, Marta Bucelli &amp; Raymond Nepstad</a:t>
            </a:r>
          </a:p>
          <a:p>
            <a:endParaRPr lang="en-GB" dirty="0"/>
          </a:p>
          <a:p>
            <a:r>
              <a:rPr lang="en-GB" dirty="0"/>
              <a:t>03.09.2024 – Forum for </a:t>
            </a:r>
            <a:r>
              <a:rPr lang="en-GB" dirty="0" err="1"/>
              <a:t>framtidens</a:t>
            </a:r>
            <a:r>
              <a:rPr lang="en-GB" dirty="0"/>
              <a:t> </a:t>
            </a:r>
            <a:r>
              <a:rPr lang="en-GB" dirty="0" err="1"/>
              <a:t>oljevernberedskap</a:t>
            </a:r>
            <a:endParaRPr lang="en-GB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C3A916A5-A7C2-F8EF-076B-B6AB54753A4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95500" y="3327925"/>
            <a:ext cx="6498858" cy="1066446"/>
          </a:xfrm>
        </p:spPr>
        <p:txBody>
          <a:bodyPr/>
          <a:lstStyle/>
          <a:p>
            <a:r>
              <a:rPr lang="en-GB" dirty="0" err="1"/>
              <a:t>Effekter</a:t>
            </a:r>
            <a:r>
              <a:rPr lang="en-GB" dirty="0"/>
              <a:t> </a:t>
            </a:r>
            <a:r>
              <a:rPr lang="en-GB" dirty="0" err="1"/>
              <a:t>av</a:t>
            </a:r>
            <a:r>
              <a:rPr lang="en-GB" dirty="0"/>
              <a:t> </a:t>
            </a:r>
            <a:r>
              <a:rPr lang="en-GB" dirty="0" err="1"/>
              <a:t>ammoniakkutslipp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</a:t>
            </a:r>
            <a:r>
              <a:rPr lang="en-GB" dirty="0" err="1"/>
              <a:t>pelagisk</a:t>
            </a:r>
            <a:r>
              <a:rPr lang="en-GB" dirty="0"/>
              <a:t> </a:t>
            </a:r>
            <a:r>
              <a:rPr lang="en-GB" dirty="0" err="1"/>
              <a:t>marint</a:t>
            </a:r>
            <a:r>
              <a:rPr lang="en-GB" dirty="0"/>
              <a:t> </a:t>
            </a:r>
            <a:r>
              <a:rPr lang="en-GB" dirty="0" err="1"/>
              <a:t>miljø</a:t>
            </a:r>
            <a:r>
              <a:rPr lang="en-GB" dirty="0"/>
              <a:t> </a:t>
            </a:r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33084687-7221-0946-B72A-2F8C5E8AA6EB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3" name="Picture 2" descr="A picture containing indoor, different, porcelain&#10;&#10;Description automatically generated">
            <a:extLst>
              <a:ext uri="{FF2B5EF4-FFF2-40B4-BE49-F238E27FC236}">
                <a16:creationId xmlns:a16="http://schemas.microsoft.com/office/drawing/2014/main" id="{85A9D93D-6432-F6F8-3117-37F66B80E8FE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ackgroundRemoval t="25110" b="73684" l="10033" r="45477">
                        <a14:foregroundMark x1="33059" y1="71601" x2="38240" y2="68092"/>
                        <a14:foregroundMark x1="38240" y1="68092" x2="42188" y2="63158"/>
                        <a14:foregroundMark x1="42188" y1="63158" x2="45559" y2="50548"/>
                        <a14:foregroundMark x1="45559" y1="50548" x2="45641" y2="43969"/>
                        <a14:foregroundMark x1="45641" y1="43969" x2="43668" y2="37281"/>
                        <a14:foregroundMark x1="43668" y1="37281" x2="40296" y2="32456"/>
                        <a14:foregroundMark x1="40296" y1="32456" x2="39063" y2="33553"/>
                        <a14:foregroundMark x1="24013" y1="72149" x2="18257" y2="69408"/>
                        <a14:foregroundMark x1="18257" y1="69408" x2="12911" y2="61842"/>
                        <a14:foregroundMark x1="12911" y1="61842" x2="10938" y2="45943"/>
                        <a14:foregroundMark x1="10938" y1="45943" x2="11595" y2="40461"/>
                        <a14:foregroundMark x1="11595" y1="40461" x2="13240" y2="35855"/>
                        <a14:foregroundMark x1="13240" y1="35855" x2="18832" y2="28509"/>
                        <a14:foregroundMark x1="18832" y1="28509" x2="22122" y2="26316"/>
                        <a14:foregroundMark x1="22122" y1="26316" x2="31168" y2="25219"/>
                        <a14:foregroundMark x1="31168" y1="25219" x2="39145" y2="29276"/>
                        <a14:foregroundMark x1="39145" y1="29276" x2="41694" y2="32895"/>
                        <a14:foregroundMark x1="41694" y1="32895" x2="41859" y2="33443"/>
                        <a14:foregroundMark x1="22780" y1="73465" x2="32072" y2="73684"/>
                        <a14:foregroundMark x1="32072" y1="73684" x2="36431" y2="71382"/>
                        <a14:foregroundMark x1="37171" y1="44298" x2="29688" y2="49781"/>
                        <a14:foregroundMark x1="29688" y1="49781" x2="26151" y2="59649"/>
                        <a14:foregroundMark x1="26151" y1="59649" x2="34293" y2="58224"/>
                        <a14:foregroundMark x1="34293" y1="58224" x2="35691" y2="50768"/>
                        <a14:foregroundMark x1="35691" y1="50768" x2="34951" y2="46053"/>
                        <a14:foregroundMark x1="34951" y1="46053" x2="34704" y2="46053"/>
                        <a14:foregroundMark x1="27714" y1="40570" x2="22944" y2="46272"/>
                        <a14:foregroundMark x1="22944" y1="46272" x2="30510" y2="40351"/>
                        <a14:foregroundMark x1="30510" y1="40351" x2="27138" y2="40570"/>
                        <a14:foregroundMark x1="19572" y1="43311" x2="30510" y2="58114"/>
                        <a14:foregroundMark x1="30510" y1="58114" x2="31250" y2="65022"/>
                        <a14:foregroundMark x1="31250" y1="65022" x2="27796" y2="69956"/>
                        <a14:foregroundMark x1="27796" y1="69956" x2="20641" y2="67434"/>
                        <a14:foregroundMark x1="20641" y1="67434" x2="15461" y2="57785"/>
                        <a14:foregroundMark x1="15461" y1="57785" x2="14638" y2="48684"/>
                        <a14:foregroundMark x1="14638" y1="48684" x2="18421" y2="43531"/>
                        <a14:foregroundMark x1="18421" y1="43531" x2="22122" y2="43202"/>
                        <a14:foregroundMark x1="22122" y1="43202" x2="22862" y2="43202"/>
                        <a14:foregroundMark x1="39391" y1="68311" x2="42928" y2="63925"/>
                        <a14:foregroundMark x1="42928" y1="63925" x2="45148" y2="56908"/>
                        <a14:foregroundMark x1="35938" y1="71711" x2="43668" y2="63268"/>
                        <a14:foregroundMark x1="43668" y1="63268" x2="44737" y2="60526"/>
                      </a14:backgroundRemoval>
                    </a14:imgEffect>
                    <a14:imgEffect>
                      <a14:brightnessContrast bright="2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9419" t="25435" r="52935" b="25531"/>
          <a:stretch/>
        </p:blipFill>
        <p:spPr>
          <a:xfrm>
            <a:off x="7757284" y="468818"/>
            <a:ext cx="4018548" cy="3925553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95487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5FC225-CA9F-CB91-F781-EC33B4FC52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28497"/>
            <a:ext cx="9796588" cy="1051168"/>
          </a:xfrm>
        </p:spPr>
        <p:txBody>
          <a:bodyPr/>
          <a:lstStyle/>
          <a:p>
            <a:r>
              <a:rPr lang="nb-NO" dirty="0"/>
              <a:t>Ammoniakk – akutt og forsinket giftighe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FD0781-AC68-A00C-87EF-AD41C157D4E7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51874" y="1959258"/>
            <a:ext cx="5151883" cy="3910012"/>
          </a:xfrm>
        </p:spPr>
        <p:txBody>
          <a:bodyPr>
            <a:normAutofit/>
          </a:bodyPr>
          <a:lstStyle/>
          <a:p>
            <a:r>
              <a:rPr lang="nb-NO" dirty="0"/>
              <a:t>Eksponering for ammonium førte til konsentrasjonsavhengig akutt dødelighet</a:t>
            </a:r>
          </a:p>
          <a:p>
            <a:r>
              <a:rPr lang="nb-NO" dirty="0"/>
              <a:t>LC</a:t>
            </a:r>
            <a:r>
              <a:rPr lang="nb-NO" baseline="-25000" dirty="0"/>
              <a:t>50</a:t>
            </a:r>
            <a:r>
              <a:rPr lang="nb-NO" dirty="0"/>
              <a:t> beregnet for TAN (NH</a:t>
            </a:r>
            <a:r>
              <a:rPr lang="nb-NO" baseline="-25000" dirty="0"/>
              <a:t>3</a:t>
            </a:r>
            <a:r>
              <a:rPr lang="nb-NO" dirty="0"/>
              <a:t> + NH</a:t>
            </a:r>
            <a:r>
              <a:rPr lang="nb-NO" baseline="-25000" dirty="0"/>
              <a:t>4</a:t>
            </a:r>
            <a:r>
              <a:rPr lang="nb-NO" baseline="30000" dirty="0"/>
              <a:t>+</a:t>
            </a:r>
            <a:r>
              <a:rPr lang="nb-NO" dirty="0"/>
              <a:t>) og NH</a:t>
            </a:r>
            <a:r>
              <a:rPr lang="nb-NO" baseline="-25000" dirty="0"/>
              <a:t>3</a:t>
            </a:r>
            <a:r>
              <a:rPr lang="nb-NO" dirty="0"/>
              <a:t> hver for seg: NH</a:t>
            </a:r>
            <a:r>
              <a:rPr lang="nb-NO" baseline="-25000" dirty="0"/>
              <a:t>3</a:t>
            </a:r>
            <a:r>
              <a:rPr lang="nb-NO" dirty="0"/>
              <a:t> er vesentlig mer giftig enn NH</a:t>
            </a:r>
            <a:r>
              <a:rPr lang="nb-NO" baseline="-25000" dirty="0"/>
              <a:t>4</a:t>
            </a:r>
            <a:r>
              <a:rPr lang="nb-NO" baseline="30000" dirty="0"/>
              <a:t>+</a:t>
            </a:r>
            <a:endParaRPr lang="nb-NO" dirty="0"/>
          </a:p>
          <a:p>
            <a:r>
              <a:rPr lang="nb-NO" dirty="0">
                <a:solidFill>
                  <a:srgbClr val="FF0000"/>
                </a:solidFill>
              </a:rPr>
              <a:t>Ingen ytterligere dødelighet etter endt eksponering</a:t>
            </a:r>
          </a:p>
          <a:p>
            <a:r>
              <a:rPr lang="nb-NO" dirty="0">
                <a:solidFill>
                  <a:srgbClr val="FF0000"/>
                </a:solidFill>
              </a:rPr>
              <a:t>Ingen deformerte larver observert</a:t>
            </a:r>
          </a:p>
          <a:p>
            <a:r>
              <a:rPr lang="nb-NO" dirty="0">
                <a:solidFill>
                  <a:srgbClr val="FF0000"/>
                </a:solidFill>
              </a:rPr>
              <a:t>Ingen indikasjoner på forsinket giftighet</a:t>
            </a:r>
          </a:p>
          <a:p>
            <a:endParaRPr lang="nb-NO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CF8C377-961B-B0C6-5290-CF725A4F831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21905" y="1570780"/>
            <a:ext cx="4840746" cy="2557894"/>
          </a:xfrm>
          <a:prstGeom prst="rect">
            <a:avLst/>
          </a:prstGeom>
        </p:spPr>
      </p:pic>
      <p:grpSp>
        <p:nvGrpSpPr>
          <p:cNvPr id="11" name="Group 10">
            <a:extLst>
              <a:ext uri="{FF2B5EF4-FFF2-40B4-BE49-F238E27FC236}">
                <a16:creationId xmlns:a16="http://schemas.microsoft.com/office/drawing/2014/main" id="{C9A90700-D453-07DA-F593-24B3BB70F82B}"/>
              </a:ext>
            </a:extLst>
          </p:cNvPr>
          <p:cNvGrpSpPr/>
          <p:nvPr/>
        </p:nvGrpSpPr>
        <p:grpSpPr>
          <a:xfrm>
            <a:off x="6821905" y="4129685"/>
            <a:ext cx="4619762" cy="2544217"/>
            <a:chOff x="6821905" y="4129685"/>
            <a:chExt cx="4619762" cy="2544217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15EE2782-302F-A4B5-B239-47FD1727572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821905" y="4496480"/>
              <a:ext cx="2353026" cy="2010075"/>
            </a:xfrm>
            <a:prstGeom prst="rect">
              <a:avLst/>
            </a:prstGeom>
          </p:spPr>
        </p:pic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4D129231-8344-FC4A-AF2B-8635A9042E2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9088641" y="4510904"/>
              <a:ext cx="2353026" cy="2010075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A2E6F687-E5DD-70EC-77AD-83A53AE55250}"/>
                </a:ext>
              </a:extLst>
            </p:cNvPr>
            <p:cNvSpPr txBox="1"/>
            <p:nvPr/>
          </p:nvSpPr>
          <p:spPr>
            <a:xfrm>
              <a:off x="7394752" y="6384731"/>
              <a:ext cx="1488082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1200" dirty="0"/>
                <a:t>[TAN (NH</a:t>
              </a:r>
              <a:r>
                <a:rPr lang="nb-NO" sz="1200" baseline="-25000" dirty="0"/>
                <a:t>3</a:t>
              </a:r>
              <a:r>
                <a:rPr lang="nb-NO" sz="1200" dirty="0"/>
                <a:t> + NH</a:t>
              </a:r>
              <a:r>
                <a:rPr lang="nb-NO" sz="1200" baseline="-25000" dirty="0"/>
                <a:t>4</a:t>
              </a:r>
              <a:r>
                <a:rPr lang="nb-NO" sz="1200" baseline="30000" dirty="0"/>
                <a:t>+</a:t>
              </a:r>
              <a:r>
                <a:rPr lang="nb-NO" sz="1200" dirty="0"/>
                <a:t>)]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F0038800-938C-B37B-2A6C-34F1E3DEF7AF}"/>
                </a:ext>
              </a:extLst>
            </p:cNvPr>
            <p:cNvSpPr txBox="1"/>
            <p:nvPr/>
          </p:nvSpPr>
          <p:spPr>
            <a:xfrm>
              <a:off x="10101470" y="6396903"/>
              <a:ext cx="99135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1200" dirty="0"/>
                <a:t>[NH</a:t>
              </a:r>
              <a:r>
                <a:rPr lang="nb-NO" sz="1200" baseline="-25000" dirty="0"/>
                <a:t>3</a:t>
              </a:r>
              <a:r>
                <a:rPr lang="nb-NO" sz="1200" dirty="0"/>
                <a:t>]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B76552C1-860D-A193-834A-CF7CBA0F2DCB}"/>
                </a:ext>
              </a:extLst>
            </p:cNvPr>
            <p:cNvSpPr txBox="1"/>
            <p:nvPr/>
          </p:nvSpPr>
          <p:spPr>
            <a:xfrm>
              <a:off x="7280281" y="4135123"/>
              <a:ext cx="1808360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nb-NO" sz="1600" dirty="0"/>
                <a:t>LC</a:t>
              </a:r>
              <a:r>
                <a:rPr lang="nb-NO" sz="1600" baseline="-25000" dirty="0"/>
                <a:t>50</a:t>
              </a:r>
              <a:r>
                <a:rPr lang="nb-NO" sz="1600" dirty="0"/>
                <a:t>: 22 mg TAN/L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22F9D8E1-3AB4-586B-F647-B368174A84F5}"/>
                </a:ext>
              </a:extLst>
            </p:cNvPr>
            <p:cNvSpPr txBox="1"/>
            <p:nvPr/>
          </p:nvSpPr>
          <p:spPr>
            <a:xfrm>
              <a:off x="9380738" y="4129685"/>
              <a:ext cx="193775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nb-NO" sz="1600" dirty="0"/>
                <a:t>LC</a:t>
              </a:r>
              <a:r>
                <a:rPr lang="nb-NO" sz="1600" baseline="-25000" dirty="0"/>
                <a:t>50</a:t>
              </a:r>
              <a:r>
                <a:rPr lang="nb-NO" sz="1600" dirty="0"/>
                <a:t>: 0.3 mg NH</a:t>
              </a:r>
              <a:r>
                <a:rPr lang="nb-NO" sz="1600" baseline="-25000" dirty="0"/>
                <a:t>3</a:t>
              </a:r>
              <a:r>
                <a:rPr lang="nb-NO" sz="1600" dirty="0"/>
                <a:t>/L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889727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D8D99F-BF23-0027-38B5-05AEE3D82B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ecies Sensitivity Distribution og PNEC for </a:t>
            </a:r>
            <a:r>
              <a:rPr lang="en-GB" dirty="0" err="1"/>
              <a:t>ammoniakk</a:t>
            </a:r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748BAD-5279-1128-3739-DFFE9AAE4F33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5262368"/>
            <a:ext cx="11020728" cy="673465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dirty="0"/>
              <a:t>NH</a:t>
            </a:r>
            <a:r>
              <a:rPr lang="nb-NO" baseline="-25000" dirty="0"/>
              <a:t>3</a:t>
            </a:r>
            <a:r>
              <a:rPr lang="nb-NO" dirty="0"/>
              <a:t> er vesentlig mer giftig enn NH</a:t>
            </a:r>
            <a:r>
              <a:rPr lang="nb-NO" baseline="-25000" dirty="0"/>
              <a:t>4</a:t>
            </a:r>
            <a:r>
              <a:rPr lang="nb-NO" baseline="30000" dirty="0"/>
              <a:t>+</a:t>
            </a:r>
            <a:r>
              <a:rPr lang="nb-NO" dirty="0"/>
              <a:t>, men siden over 90 % eksisterer i sjøvann som NH</a:t>
            </a:r>
            <a:r>
              <a:rPr lang="nb-NO" baseline="-25000" dirty="0"/>
              <a:t>4</a:t>
            </a:r>
            <a:r>
              <a:rPr lang="nb-NO" baseline="30000" dirty="0"/>
              <a:t>+</a:t>
            </a:r>
            <a:r>
              <a:rPr lang="nb-NO" dirty="0"/>
              <a:t>, benytter vi PNEC for summen av disse (TAN)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F4EEFDA-76C4-27BF-E3D5-7A5E97559B31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866" t="5803" r="2799" b="8245"/>
          <a:stretch/>
        </p:blipFill>
        <p:spPr>
          <a:xfrm>
            <a:off x="758189" y="1671428"/>
            <a:ext cx="4379295" cy="2984434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8793144-E651-0453-FC01-6B2EDC5F384B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1513" t="5803" r="3375" b="8245"/>
          <a:stretch/>
        </p:blipFill>
        <p:spPr>
          <a:xfrm>
            <a:off x="5903483" y="1671425"/>
            <a:ext cx="4379296" cy="2984435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4703844-A635-531C-25A5-44148A9BCF0D}"/>
              </a:ext>
            </a:extLst>
          </p:cNvPr>
          <p:cNvSpPr txBox="1"/>
          <p:nvPr/>
        </p:nvSpPr>
        <p:spPr>
          <a:xfrm>
            <a:off x="2492772" y="4619159"/>
            <a:ext cx="135081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200" dirty="0"/>
              <a:t>[TAN (NH</a:t>
            </a:r>
            <a:r>
              <a:rPr lang="nb-NO" sz="1200" baseline="-25000" dirty="0"/>
              <a:t>3</a:t>
            </a:r>
            <a:r>
              <a:rPr lang="nb-NO" sz="1200" dirty="0"/>
              <a:t> + NH</a:t>
            </a:r>
            <a:r>
              <a:rPr lang="nb-NO" sz="1200" baseline="-25000" dirty="0"/>
              <a:t>4</a:t>
            </a:r>
            <a:r>
              <a:rPr lang="nb-NO" sz="1200" baseline="30000" dirty="0"/>
              <a:t>+</a:t>
            </a:r>
            <a:r>
              <a:rPr lang="nb-NO" sz="1200" dirty="0"/>
              <a:t>)]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678F10A-8FE9-9653-F3FB-EDD7E821477A}"/>
              </a:ext>
            </a:extLst>
          </p:cNvPr>
          <p:cNvSpPr txBox="1"/>
          <p:nvPr/>
        </p:nvSpPr>
        <p:spPr>
          <a:xfrm>
            <a:off x="8086159" y="4643221"/>
            <a:ext cx="524503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200" dirty="0"/>
              <a:t>[NH</a:t>
            </a:r>
            <a:r>
              <a:rPr lang="nb-NO" sz="1200" baseline="-25000" dirty="0"/>
              <a:t>3</a:t>
            </a:r>
            <a:r>
              <a:rPr lang="nb-NO" sz="1200" dirty="0"/>
              <a:t>]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7151EEC-445D-EAD1-2B28-913B615F72DB}"/>
              </a:ext>
            </a:extLst>
          </p:cNvPr>
          <p:cNvSpPr txBox="1"/>
          <p:nvPr/>
        </p:nvSpPr>
        <p:spPr>
          <a:xfrm>
            <a:off x="2492772" y="6277981"/>
            <a:ext cx="6027227" cy="400110"/>
          </a:xfrm>
          <a:prstGeom prst="rect">
            <a:avLst/>
          </a:prstGeom>
          <a:solidFill>
            <a:srgbClr val="FFC000"/>
          </a:solidFill>
        </p:spPr>
        <p:txBody>
          <a:bodyPr wrap="none" rtlCol="0">
            <a:spAutoFit/>
          </a:bodyPr>
          <a:lstStyle/>
          <a:p>
            <a:r>
              <a:rPr lang="nb-NO" sz="2000" b="1" dirty="0" err="1"/>
              <a:t>Predicted</a:t>
            </a:r>
            <a:r>
              <a:rPr lang="nb-NO" sz="2000" b="1" dirty="0"/>
              <a:t> No </a:t>
            </a:r>
            <a:r>
              <a:rPr lang="nb-NO" sz="2000" b="1" dirty="0" err="1"/>
              <a:t>Effect</a:t>
            </a:r>
            <a:r>
              <a:rPr lang="nb-NO" sz="2000" b="1" dirty="0"/>
              <a:t> </a:t>
            </a:r>
            <a:r>
              <a:rPr lang="nb-NO" sz="2000" b="1" dirty="0" err="1"/>
              <a:t>Concentrations</a:t>
            </a:r>
            <a:r>
              <a:rPr lang="nb-NO" sz="2000" b="1" dirty="0"/>
              <a:t> (PNEC): 2 mg TAN/L</a:t>
            </a:r>
          </a:p>
        </p:txBody>
      </p:sp>
    </p:spTree>
    <p:extLst>
      <p:ext uri="{BB962C8B-B14F-4D97-AF65-F5344CB8AC3E}">
        <p14:creationId xmlns:p14="http://schemas.microsoft.com/office/powerpoint/2010/main" val="112050474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9B5B02-583D-42F6-F811-2161BEA49B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a betyr dette i forbindelse med uhellsutslipp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854E34-1D8C-042E-AA98-8E309895065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1842004"/>
            <a:ext cx="10752428" cy="2152480"/>
          </a:xfrm>
        </p:spPr>
        <p:txBody>
          <a:bodyPr>
            <a:normAutofit/>
          </a:bodyPr>
          <a:lstStyle/>
          <a:p>
            <a:r>
              <a:rPr lang="nb-NO" dirty="0"/>
              <a:t>Hvilke av energibærerne forårsaker mest skade på gyteprodukter av fisk?</a:t>
            </a:r>
          </a:p>
          <a:p>
            <a:r>
              <a:rPr lang="nb-NO" dirty="0"/>
              <a:t>Konsentrasjoner i miljøet (</a:t>
            </a:r>
            <a:r>
              <a:rPr lang="nb-NO" dirty="0" err="1"/>
              <a:t>Predicted</a:t>
            </a:r>
            <a:r>
              <a:rPr lang="nb-NO" dirty="0"/>
              <a:t> Environmental </a:t>
            </a:r>
            <a:r>
              <a:rPr lang="nb-NO" dirty="0" err="1"/>
              <a:t>Concentrations</a:t>
            </a:r>
            <a:r>
              <a:rPr lang="nb-NO" dirty="0"/>
              <a:t>, PEC) i et gitt utslippsscenario kan beregnes ved bruk av modeller</a:t>
            </a:r>
          </a:p>
          <a:p>
            <a:r>
              <a:rPr lang="nb-NO" dirty="0"/>
              <a:t>Vi kan anslå en risiko ved vannvolum hvor konsentrasjonen i vannet overstiger grenseverdien for giftighet (PNEC) : </a:t>
            </a:r>
          </a:p>
          <a:p>
            <a:endParaRPr lang="nb-NO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4C39EC37-BE15-6E90-0188-2929EF85BACC}"/>
              </a:ext>
            </a:extLst>
          </p:cNvPr>
          <p:cNvSpPr txBox="1"/>
          <p:nvPr/>
        </p:nvSpPr>
        <p:spPr>
          <a:xfrm>
            <a:off x="2304236" y="4600497"/>
            <a:ext cx="756521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3600" dirty="0"/>
              <a:t>Predicted Environmental Concentration</a:t>
            </a:r>
            <a:endParaRPr lang="nb-NO" sz="36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5CBAB4E-8EC3-D3A0-40A4-AD3F6CBFEB2D}"/>
              </a:ext>
            </a:extLst>
          </p:cNvPr>
          <p:cNvSpPr txBox="1"/>
          <p:nvPr/>
        </p:nvSpPr>
        <p:spPr>
          <a:xfrm>
            <a:off x="2703743" y="5554979"/>
            <a:ext cx="654358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3600" dirty="0"/>
              <a:t>Predicted No Effect Concentration</a:t>
            </a:r>
            <a:endParaRPr lang="nb-NO" sz="36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FAABA921-BEEE-1F7A-888A-928078EA1D7A}"/>
              </a:ext>
            </a:extLst>
          </p:cNvPr>
          <p:cNvSpPr txBox="1"/>
          <p:nvPr/>
        </p:nvSpPr>
        <p:spPr>
          <a:xfrm>
            <a:off x="2156460" y="5015996"/>
            <a:ext cx="787908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2400" dirty="0"/>
              <a:t>__________________________________________________</a:t>
            </a:r>
          </a:p>
        </p:txBody>
      </p:sp>
    </p:spTree>
    <p:extLst>
      <p:ext uri="{BB962C8B-B14F-4D97-AF65-F5344CB8AC3E}">
        <p14:creationId xmlns:p14="http://schemas.microsoft.com/office/powerpoint/2010/main" val="88304865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937CC8-A837-DC7C-4CA8-316EC7BB8A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Utslippsscenario - modellering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B0DD9780-0760-E562-C343-4497185E982A}"/>
              </a:ext>
            </a:extLst>
          </p:cNvPr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2324133535"/>
              </p:ext>
            </p:extLst>
          </p:nvPr>
        </p:nvGraphicFramePr>
        <p:xfrm>
          <a:off x="758190" y="3704356"/>
          <a:ext cx="5967464" cy="2773680"/>
        </p:xfrm>
        <a:graphic>
          <a:graphicData uri="http://schemas.openxmlformats.org/drawingml/2006/table">
            <a:tbl>
              <a:tblPr firstRow="1" firstCol="1" bandRow="1">
                <a:tableStyleId>{5940675A-B579-460E-94D1-54222C63F5DA}</a:tableStyleId>
              </a:tblPr>
              <a:tblGrid>
                <a:gridCol w="3470755">
                  <a:extLst>
                    <a:ext uri="{9D8B030D-6E8A-4147-A177-3AD203B41FA5}">
                      <a16:colId xmlns:a16="http://schemas.microsoft.com/office/drawing/2014/main" val="3270117702"/>
                    </a:ext>
                  </a:extLst>
                </a:gridCol>
                <a:gridCol w="1013253">
                  <a:extLst>
                    <a:ext uri="{9D8B030D-6E8A-4147-A177-3AD203B41FA5}">
                      <a16:colId xmlns:a16="http://schemas.microsoft.com/office/drawing/2014/main" val="3588976636"/>
                    </a:ext>
                  </a:extLst>
                </a:gridCol>
                <a:gridCol w="1483456">
                  <a:extLst>
                    <a:ext uri="{9D8B030D-6E8A-4147-A177-3AD203B41FA5}">
                      <a16:colId xmlns:a16="http://schemas.microsoft.com/office/drawing/2014/main" val="842060230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GB" sz="1400" b="1" dirty="0">
                          <a:effectLst/>
                        </a:rPr>
                        <a:t>Parameter</a:t>
                      </a:r>
                      <a:endParaRPr lang="nb-NO" sz="14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b="1">
                          <a:effectLst/>
                        </a:rPr>
                        <a:t>Unit</a:t>
                      </a:r>
                      <a:endParaRPr lang="nb-NO" sz="1400" b="1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b="1" dirty="0">
                          <a:effectLst/>
                        </a:rPr>
                        <a:t>Value</a:t>
                      </a:r>
                      <a:endParaRPr lang="nb-NO" sz="14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813080361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 dirty="0">
                          <a:effectLst/>
                        </a:rPr>
                        <a:t>Simulation start</a:t>
                      </a:r>
                      <a:endParaRPr lang="nb-NO" sz="1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-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10.05.2022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420303326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 dirty="0">
                          <a:effectLst/>
                        </a:rPr>
                        <a:t>Spill duration</a:t>
                      </a:r>
                      <a:endParaRPr lang="nb-NO" sz="1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effectLst/>
                        </a:rPr>
                        <a:t>days</a:t>
                      </a:r>
                      <a:endParaRPr lang="nb-NO" sz="1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10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45867566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 dirty="0">
                          <a:effectLst/>
                        </a:rPr>
                        <a:t>Spill amount</a:t>
                      </a:r>
                      <a:endParaRPr lang="nb-NO" sz="1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tons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10 000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95869695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>
                          <a:effectLst/>
                        </a:rPr>
                        <a:t>Spill depth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m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5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230370130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>
                          <a:effectLst/>
                        </a:rPr>
                        <a:t>Simulation duration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days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10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651238705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 dirty="0">
                          <a:effectLst/>
                        </a:rPr>
                        <a:t>Currents</a:t>
                      </a:r>
                      <a:endParaRPr lang="nb-NO" sz="1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-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NorKyst800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501047905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>
                          <a:effectLst/>
                        </a:rPr>
                        <a:t>Winds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-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ERA5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803842427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>
                          <a:effectLst/>
                        </a:rPr>
                        <a:t>Water temperature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  <a:sym typeface="Symbol" panose="05050102010706020507" pitchFamily="18" charset="2"/>
                        </a:rPr>
                        <a:t></a:t>
                      </a:r>
                      <a:r>
                        <a:rPr lang="en-GB" sz="1400">
                          <a:effectLst/>
                        </a:rPr>
                        <a:t>C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10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970601538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>
                          <a:effectLst/>
                        </a:rPr>
                        <a:t>Lagrangian particles (dissolved phase)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-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40 000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193989454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>
                          <a:effectLst/>
                        </a:rPr>
                        <a:t>Model time step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minutes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15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74762719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 dirty="0">
                          <a:effectLst/>
                        </a:rPr>
                        <a:t>Concentration grid horizontal resolution</a:t>
                      </a:r>
                      <a:endParaRPr lang="nb-NO" sz="1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m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</a:rPr>
                        <a:t>500</a:t>
                      </a:r>
                      <a:endParaRPr lang="nb-NO" sz="1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18111261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400" dirty="0">
                          <a:effectLst/>
                        </a:rPr>
                        <a:t>Concentration grid vertical resolution</a:t>
                      </a:r>
                      <a:endParaRPr lang="nb-NO" sz="1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effectLst/>
                        </a:rPr>
                        <a:t>m</a:t>
                      </a:r>
                      <a:endParaRPr lang="nb-NO" sz="1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effectLst/>
                        </a:rPr>
                        <a:t>10</a:t>
                      </a:r>
                      <a:endParaRPr lang="nb-NO" sz="1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08603405"/>
                  </a:ext>
                </a:extLst>
              </a:tr>
            </a:tbl>
          </a:graphicData>
        </a:graphic>
      </p:graphicFrame>
      <p:pic>
        <p:nvPicPr>
          <p:cNvPr id="6" name="Picture 5">
            <a:extLst>
              <a:ext uri="{FF2B5EF4-FFF2-40B4-BE49-F238E27FC236}">
                <a16:creationId xmlns:a16="http://schemas.microsoft.com/office/drawing/2014/main" id="{5AF86E8D-C921-FA54-DB02-C7F740A7E6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58" t="11973" r="67078" b="23313"/>
          <a:stretch/>
        </p:blipFill>
        <p:spPr bwMode="auto">
          <a:xfrm>
            <a:off x="7363325" y="1538604"/>
            <a:ext cx="4716381" cy="52252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BBCF69-793F-8A47-77E7-A16323DFCC1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90" y="1708484"/>
            <a:ext cx="6776661" cy="2079254"/>
          </a:xfrm>
        </p:spPr>
        <p:txBody>
          <a:bodyPr>
            <a:normAutofit/>
          </a:bodyPr>
          <a:lstStyle/>
          <a:p>
            <a:pPr marL="0" indent="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None/>
            </a:pPr>
            <a:r>
              <a:rPr lang="en-US" sz="1800" b="1" i="0" kern="1200" dirty="0">
                <a:solidFill>
                  <a:schemeClr val="tx1"/>
                </a:solidFill>
                <a:effectLst/>
                <a:latin typeface="+mj-lt"/>
                <a:ea typeface="+mj-ea"/>
                <a:cs typeface="+mj-cs"/>
              </a:rPr>
              <a:t>DREAM – Dose-related Risk and Effects Assessment Model</a:t>
            </a:r>
          </a:p>
          <a:p>
            <a:pPr marL="342900" indent="-3429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latin typeface="+mj-lt"/>
                <a:ea typeface="+mj-ea"/>
                <a:cs typeface="+mj-cs"/>
              </a:rPr>
              <a:t>Input-</a:t>
            </a:r>
            <a:r>
              <a:rPr lang="en-US" sz="1800" dirty="0" err="1">
                <a:latin typeface="+mj-lt"/>
                <a:ea typeface="+mj-ea"/>
                <a:cs typeface="+mj-cs"/>
              </a:rPr>
              <a:t>verdier</a:t>
            </a:r>
            <a:r>
              <a:rPr lang="nb-NO" sz="1800" dirty="0">
                <a:latin typeface="+mj-lt"/>
                <a:ea typeface="+mj-ea"/>
                <a:cs typeface="+mj-cs"/>
              </a:rPr>
              <a:t>: Tetthet, løselighet, damptrykk og degraderingsrater</a:t>
            </a:r>
            <a:endParaRPr lang="en-US" sz="1800" dirty="0">
              <a:latin typeface="+mj-lt"/>
              <a:ea typeface="+mj-ea"/>
              <a:cs typeface="+mj-cs"/>
            </a:endParaRPr>
          </a:p>
          <a:p>
            <a:pPr marL="342900" indent="-3429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 dirty="0" err="1">
                <a:latin typeface="+mj-lt"/>
                <a:ea typeface="+mj-ea"/>
                <a:cs typeface="+mj-cs"/>
              </a:rPr>
              <a:t>Beregner</a:t>
            </a:r>
            <a:r>
              <a:rPr lang="en-US" sz="1800" dirty="0">
                <a:latin typeface="+mj-lt"/>
                <a:ea typeface="+mj-ea"/>
                <a:cs typeface="+mj-cs"/>
              </a:rPr>
              <a:t> </a:t>
            </a:r>
            <a:r>
              <a:rPr lang="en-US" sz="1800" dirty="0" err="1">
                <a:latin typeface="+mj-lt"/>
                <a:ea typeface="+mj-ea"/>
                <a:cs typeface="+mj-cs"/>
              </a:rPr>
              <a:t>konsentrasjoner</a:t>
            </a:r>
            <a:r>
              <a:rPr lang="en-US" sz="1800" dirty="0">
                <a:latin typeface="+mj-lt"/>
                <a:ea typeface="+mj-ea"/>
                <a:cs typeface="+mj-cs"/>
              </a:rPr>
              <a:t> av </a:t>
            </a:r>
            <a:r>
              <a:rPr lang="en-US" sz="1800" dirty="0" err="1">
                <a:latin typeface="+mj-lt"/>
                <a:ea typeface="+mj-ea"/>
                <a:cs typeface="+mj-cs"/>
              </a:rPr>
              <a:t>kjemikalier</a:t>
            </a:r>
            <a:r>
              <a:rPr lang="en-US" sz="1800" dirty="0">
                <a:latin typeface="+mj-lt"/>
                <a:ea typeface="+mj-ea"/>
                <a:cs typeface="+mj-cs"/>
              </a:rPr>
              <a:t> </a:t>
            </a:r>
            <a:r>
              <a:rPr lang="en-US" sz="1800" dirty="0" err="1">
                <a:latin typeface="+mj-lt"/>
                <a:ea typeface="+mj-ea"/>
                <a:cs typeface="+mj-cs"/>
              </a:rPr>
              <a:t>i</a:t>
            </a:r>
            <a:r>
              <a:rPr lang="en-US" sz="1800" dirty="0">
                <a:latin typeface="+mj-lt"/>
                <a:ea typeface="+mj-ea"/>
                <a:cs typeface="+mj-cs"/>
              </a:rPr>
              <a:t> </a:t>
            </a:r>
            <a:r>
              <a:rPr lang="en-US" sz="1800" dirty="0" err="1">
                <a:latin typeface="+mj-lt"/>
                <a:ea typeface="+mj-ea"/>
                <a:cs typeface="+mj-cs"/>
              </a:rPr>
              <a:t>vannet</a:t>
            </a:r>
            <a:r>
              <a:rPr lang="en-US" sz="1800" dirty="0">
                <a:latin typeface="+mj-lt"/>
                <a:ea typeface="+mj-ea"/>
                <a:cs typeface="+mj-cs"/>
              </a:rPr>
              <a:t> </a:t>
            </a:r>
            <a:r>
              <a:rPr lang="en-US" sz="1800" dirty="0" err="1">
                <a:latin typeface="+mj-lt"/>
                <a:ea typeface="+mj-ea"/>
                <a:cs typeface="+mj-cs"/>
              </a:rPr>
              <a:t>i</a:t>
            </a:r>
            <a:r>
              <a:rPr lang="en-US" sz="1800" dirty="0">
                <a:latin typeface="+mj-lt"/>
                <a:ea typeface="+mj-ea"/>
                <a:cs typeface="+mj-cs"/>
              </a:rPr>
              <a:t> </a:t>
            </a:r>
            <a:r>
              <a:rPr lang="en-US" sz="1800" dirty="0" err="1">
                <a:latin typeface="+mj-lt"/>
                <a:ea typeface="+mj-ea"/>
                <a:cs typeface="+mj-cs"/>
              </a:rPr>
              <a:t>tid</a:t>
            </a:r>
            <a:r>
              <a:rPr lang="en-US" sz="1800" dirty="0">
                <a:latin typeface="+mj-lt"/>
                <a:ea typeface="+mj-ea"/>
                <a:cs typeface="+mj-cs"/>
              </a:rPr>
              <a:t> og rom</a:t>
            </a:r>
          </a:p>
          <a:p>
            <a:pPr marL="342900" indent="-3429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 dirty="0" err="1">
                <a:latin typeface="+mj-lt"/>
                <a:ea typeface="+mj-ea"/>
                <a:cs typeface="+mj-cs"/>
              </a:rPr>
              <a:t>Risiko</a:t>
            </a:r>
            <a:r>
              <a:rPr lang="en-US" sz="1800" dirty="0">
                <a:latin typeface="+mj-lt"/>
                <a:ea typeface="+mj-ea"/>
                <a:cs typeface="+mj-cs"/>
              </a:rPr>
              <a:t> definers </a:t>
            </a:r>
            <a:r>
              <a:rPr lang="en-US" sz="1800" dirty="0" err="1">
                <a:latin typeface="+mj-lt"/>
                <a:ea typeface="+mj-ea"/>
                <a:cs typeface="+mj-cs"/>
              </a:rPr>
              <a:t>som</a:t>
            </a:r>
            <a:r>
              <a:rPr lang="en-US" sz="1800" dirty="0">
                <a:latin typeface="+mj-lt"/>
                <a:ea typeface="+mj-ea"/>
                <a:cs typeface="+mj-cs"/>
              </a:rPr>
              <a:t> </a:t>
            </a:r>
            <a:r>
              <a:rPr lang="en-US" sz="1800" dirty="0" err="1">
                <a:latin typeface="+mj-lt"/>
                <a:ea typeface="+mj-ea"/>
                <a:cs typeface="+mj-cs"/>
              </a:rPr>
              <a:t>vannvolum</a:t>
            </a:r>
            <a:r>
              <a:rPr lang="en-US" sz="1800" dirty="0">
                <a:latin typeface="+mj-lt"/>
                <a:ea typeface="+mj-ea"/>
                <a:cs typeface="+mj-cs"/>
              </a:rPr>
              <a:t> </a:t>
            </a:r>
            <a:r>
              <a:rPr lang="en-US" sz="1800" dirty="0" err="1">
                <a:latin typeface="+mj-lt"/>
                <a:ea typeface="+mj-ea"/>
                <a:cs typeface="+mj-cs"/>
              </a:rPr>
              <a:t>hvor</a:t>
            </a:r>
            <a:r>
              <a:rPr lang="en-US" sz="1800" dirty="0">
                <a:latin typeface="+mj-lt"/>
                <a:ea typeface="+mj-ea"/>
                <a:cs typeface="+mj-cs"/>
              </a:rPr>
              <a:t> PEC/PNEC &gt; 1</a:t>
            </a:r>
          </a:p>
          <a:p>
            <a:pPr marL="342900" indent="-3429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800" dirty="0">
              <a:latin typeface="+mj-lt"/>
              <a:ea typeface="+mj-ea"/>
              <a:cs typeface="+mj-cs"/>
            </a:endParaRPr>
          </a:p>
          <a:p>
            <a:pPr marL="0" indent="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None/>
            </a:pPr>
            <a:r>
              <a:rPr lang="en-US" sz="1800" b="1" dirty="0">
                <a:latin typeface="+mj-lt"/>
                <a:ea typeface="+mj-ea"/>
                <a:cs typeface="+mj-cs"/>
              </a:rPr>
              <a:t>Scenario design: </a:t>
            </a:r>
          </a:p>
          <a:p>
            <a:endParaRPr lang="nb-NO" sz="1800" dirty="0"/>
          </a:p>
        </p:txBody>
      </p:sp>
    </p:spTree>
    <p:extLst>
      <p:ext uri="{BB962C8B-B14F-4D97-AF65-F5344CB8AC3E}">
        <p14:creationId xmlns:p14="http://schemas.microsoft.com/office/powerpoint/2010/main" val="268393132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4F9A68-CCDA-F900-5E74-0E1AEAA2A2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Spredning ved akutt utslipp</a:t>
            </a:r>
          </a:p>
        </p:txBody>
      </p:sp>
      <p:pic>
        <p:nvPicPr>
          <p:cNvPr id="4" name="hfo-animation">
            <a:hlinkClick r:id="" action="ppaction://media"/>
            <a:extLst>
              <a:ext uri="{FF2B5EF4-FFF2-40B4-BE49-F238E27FC236}">
                <a16:creationId xmlns:a16="http://schemas.microsoft.com/office/drawing/2014/main" id="{286729E7-DED9-4FD5-24EE-33BB80F121BF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 rotWithShape="1">
          <a:blip r:embed="rId10"/>
          <a:srcRect l="8876" r="9058"/>
          <a:stretch/>
        </p:blipFill>
        <p:spPr>
          <a:xfrm>
            <a:off x="240707" y="3249408"/>
            <a:ext cx="2767182" cy="2246894"/>
          </a:xfrm>
          <a:prstGeom prst="rect">
            <a:avLst/>
          </a:prstGeom>
        </p:spPr>
      </p:pic>
      <p:pic>
        <p:nvPicPr>
          <p:cNvPr id="5" name="mgo-animation">
            <a:hlinkClick r:id="" action="ppaction://media"/>
            <a:extLst>
              <a:ext uri="{FF2B5EF4-FFF2-40B4-BE49-F238E27FC236}">
                <a16:creationId xmlns:a16="http://schemas.microsoft.com/office/drawing/2014/main" id="{C0A78C8C-5095-C6FB-3FC8-EB44FE871D43}"/>
              </a:ext>
            </a:extLst>
          </p:cNvPr>
          <p:cNvPicPr>
            <a:picLocks noChangeAspect="1"/>
          </p:cNvPicPr>
          <p:nvPr>
            <a:videoFile r:link="rId4"/>
            <p:extLst>
              <p:ext uri="{DAA4B4D4-6D71-4841-9C94-3DE7FCFB9230}">
                <p14:media xmlns:p14="http://schemas.microsoft.com/office/powerpoint/2010/main" r:embed="rId3"/>
              </p:ext>
            </p:extLst>
          </p:nvPr>
        </p:nvPicPr>
        <p:blipFill rotWithShape="1">
          <a:blip r:embed="rId11"/>
          <a:srcRect l="8651" r="8639"/>
          <a:stretch/>
        </p:blipFill>
        <p:spPr>
          <a:xfrm>
            <a:off x="3114575" y="3280029"/>
            <a:ext cx="2788913" cy="2246894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A372FA80-5E62-74FB-7F1C-C69D665FB7A9}"/>
              </a:ext>
            </a:extLst>
          </p:cNvPr>
          <p:cNvSpPr txBox="1"/>
          <p:nvPr/>
        </p:nvSpPr>
        <p:spPr>
          <a:xfrm>
            <a:off x="3631047" y="2841338"/>
            <a:ext cx="17572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dirty="0"/>
              <a:t>MARINE GAS O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D271C6-6264-84C1-734A-F6521242486B}"/>
              </a:ext>
            </a:extLst>
          </p:cNvPr>
          <p:cNvSpPr txBox="1"/>
          <p:nvPr/>
        </p:nvSpPr>
        <p:spPr>
          <a:xfrm>
            <a:off x="1314295" y="2841338"/>
            <a:ext cx="58496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dirty="0"/>
              <a:t>HFO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361FB5BE-A0FF-585A-2CE0-570105BA275C}"/>
              </a:ext>
            </a:extLst>
          </p:cNvPr>
          <p:cNvSpPr txBox="1"/>
          <p:nvPr/>
        </p:nvSpPr>
        <p:spPr>
          <a:xfrm>
            <a:off x="9770368" y="2880076"/>
            <a:ext cx="144462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dirty="0"/>
              <a:t>AMMONIAKK</a:t>
            </a:r>
          </a:p>
        </p:txBody>
      </p:sp>
      <p:pic>
        <p:nvPicPr>
          <p:cNvPr id="17" name="ammonia-animation (1)">
            <a:hlinkClick r:id="" action="ppaction://media"/>
            <a:extLst>
              <a:ext uri="{FF2B5EF4-FFF2-40B4-BE49-F238E27FC236}">
                <a16:creationId xmlns:a16="http://schemas.microsoft.com/office/drawing/2014/main" id="{79B9124B-66EF-6C44-F25A-DCDE231F1A31}"/>
              </a:ext>
            </a:extLst>
          </p:cNvPr>
          <p:cNvPicPr>
            <a:picLocks noChangeAspect="1"/>
          </p:cNvPicPr>
          <p:nvPr>
            <a:videoFile r:link="rId6"/>
            <p:extLst>
              <p:ext uri="{DAA4B4D4-6D71-4841-9C94-3DE7FCFB9230}">
                <p14:media xmlns:p14="http://schemas.microsoft.com/office/powerpoint/2010/main" r:embed="rId5"/>
              </p:ext>
            </p:extLst>
          </p:nvPr>
        </p:nvPicPr>
        <p:blipFill rotWithShape="1">
          <a:blip r:embed="rId12"/>
          <a:srcRect l="8511" r="8579"/>
          <a:stretch/>
        </p:blipFill>
        <p:spPr>
          <a:xfrm>
            <a:off x="9172995" y="3280029"/>
            <a:ext cx="2795617" cy="2246895"/>
          </a:xfrm>
          <a:prstGeom prst="rect">
            <a:avLst/>
          </a:prstGeom>
        </p:spPr>
      </p:pic>
      <p:pic>
        <p:nvPicPr>
          <p:cNvPr id="18" name="ulsfo-animation">
            <a:hlinkClick r:id="" action="ppaction://media"/>
            <a:extLst>
              <a:ext uri="{FF2B5EF4-FFF2-40B4-BE49-F238E27FC236}">
                <a16:creationId xmlns:a16="http://schemas.microsoft.com/office/drawing/2014/main" id="{A7039474-1A1C-B0AC-0087-54D825EF3D1B}"/>
              </a:ext>
            </a:extLst>
          </p:cNvPr>
          <p:cNvPicPr>
            <a:picLocks noChangeAspect="1"/>
          </p:cNvPicPr>
          <p:nvPr>
            <a:videoFile r:link="rId8"/>
            <p:extLst>
              <p:ext uri="{DAA4B4D4-6D71-4841-9C94-3DE7FCFB9230}">
                <p14:media xmlns:p14="http://schemas.microsoft.com/office/powerpoint/2010/main" r:embed="rId7"/>
              </p:ext>
            </p:extLst>
          </p:nvPr>
        </p:nvPicPr>
        <p:blipFill>
          <a:blip r:embed="rId13"/>
          <a:srcRect l="8797" r="8539"/>
          <a:stretch/>
        </p:blipFill>
        <p:spPr>
          <a:xfrm>
            <a:off x="6096000" y="3274139"/>
            <a:ext cx="2788913" cy="2248146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6442F1FC-DCA0-AC81-79B2-4E5EAA4BABD8}"/>
              </a:ext>
            </a:extLst>
          </p:cNvPr>
          <p:cNvSpPr txBox="1"/>
          <p:nvPr/>
        </p:nvSpPr>
        <p:spPr>
          <a:xfrm>
            <a:off x="7074577" y="2879384"/>
            <a:ext cx="79175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dirty="0"/>
              <a:t>ULSFO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7EF7DA5-96C2-6A15-8C8A-176CFDBDF2BF}"/>
              </a:ext>
            </a:extLst>
          </p:cNvPr>
          <p:cNvSpPr txBox="1"/>
          <p:nvPr/>
        </p:nvSpPr>
        <p:spPr>
          <a:xfrm>
            <a:off x="2587405" y="2005796"/>
            <a:ext cx="642361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dirty="0"/>
              <a:t>Modellsimuleringer viser at ulike drivstoff har ulik skjebne i miljøet</a:t>
            </a:r>
          </a:p>
        </p:txBody>
      </p:sp>
    </p:spTree>
    <p:extLst>
      <p:ext uri="{BB962C8B-B14F-4D97-AF65-F5344CB8AC3E}">
        <p14:creationId xmlns:p14="http://schemas.microsoft.com/office/powerpoint/2010/main" val="38711580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4000" fill="hold"/>
                                        <p:tgtEl>
                                          <p:spTgt spid="1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  <p:par>
                                <p:cTn id="7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8" dur="20000" fill="hold"/>
                                        <p:tgtEl>
                                          <p:spTgt spid="18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  <p:par>
                                <p:cTn id="9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0" dur="24000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  <p:par>
                                <p:cTn id="11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2" dur="24000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mute="1">
                <p:cTn id="13" fill="hold" display="0">
                  <p:stCondLst>
                    <p:cond delay="indefinite"/>
                  </p:stCondLst>
                </p:cTn>
                <p:tgtEl>
                  <p:spTgt spid="17"/>
                </p:tgtEl>
              </p:cMediaNode>
            </p:video>
            <p:video>
              <p:cMediaNode vol="80000">
                <p:cTn id="14" fill="hold" display="0">
                  <p:stCondLst>
                    <p:cond delay="indefinite"/>
                  </p:stCondLst>
                </p:cTn>
                <p:tgtEl>
                  <p:spTgt spid="18"/>
                </p:tgtEl>
              </p:cMediaNode>
            </p:video>
            <p:video>
              <p:cMediaNode vol="80000">
                <p:cTn id="15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video>
              <p:cMediaNode vol="80000">
                <p:cTn id="16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4E0DC8-1F5B-C5F1-B40B-0EF2357AB7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187452"/>
            <a:ext cx="9407973" cy="1051168"/>
          </a:xfrm>
        </p:spPr>
        <p:txBody>
          <a:bodyPr/>
          <a:lstStyle/>
          <a:p>
            <a:r>
              <a:rPr lang="nb-NO" dirty="0"/>
              <a:t>Skjebne og risiko for skader på gyteprodukter</a:t>
            </a:r>
          </a:p>
        </p:txBody>
      </p:sp>
      <p:pic>
        <p:nvPicPr>
          <p:cNvPr id="5" name="Picture 4" descr="A map of the coast&#10;&#10;Description automatically generated with medium confidence">
            <a:extLst>
              <a:ext uri="{FF2B5EF4-FFF2-40B4-BE49-F238E27FC236}">
                <a16:creationId xmlns:a16="http://schemas.microsoft.com/office/drawing/2014/main" id="{839E659F-005A-791C-F1DC-109177FB635D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419" b="49900"/>
          <a:stretch/>
        </p:blipFill>
        <p:spPr>
          <a:xfrm>
            <a:off x="3360782" y="4045687"/>
            <a:ext cx="2620444" cy="2589530"/>
          </a:xfrm>
          <a:prstGeom prst="rect">
            <a:avLst/>
          </a:prstGeom>
        </p:spPr>
      </p:pic>
      <p:pic>
        <p:nvPicPr>
          <p:cNvPr id="6" name="Picture 5" descr="A map of the coast&#10;&#10;Description automatically generated with medium confidence">
            <a:extLst>
              <a:ext uri="{FF2B5EF4-FFF2-40B4-BE49-F238E27FC236}">
                <a16:creationId xmlns:a16="http://schemas.microsoft.com/office/drawing/2014/main" id="{647151F8-BEA0-263F-C513-B31934E50E0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384" t="49507"/>
          <a:stretch/>
        </p:blipFill>
        <p:spPr>
          <a:xfrm>
            <a:off x="467566" y="4045687"/>
            <a:ext cx="2622330" cy="2609813"/>
          </a:xfrm>
          <a:prstGeom prst="rect">
            <a:avLst/>
          </a:prstGeom>
        </p:spPr>
      </p:pic>
      <p:pic>
        <p:nvPicPr>
          <p:cNvPr id="7" name="Picture 6" descr="A map of the coast&#10;&#10;Description automatically generated with medium confidence">
            <a:extLst>
              <a:ext uri="{FF2B5EF4-FFF2-40B4-BE49-F238E27FC236}">
                <a16:creationId xmlns:a16="http://schemas.microsoft.com/office/drawing/2014/main" id="{8B65A31D-3175-1ED0-A340-C33D09DF6603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49766" b="49900"/>
          <a:stretch/>
        </p:blipFill>
        <p:spPr>
          <a:xfrm>
            <a:off x="8856762" y="4046817"/>
            <a:ext cx="2653855" cy="2588400"/>
          </a:xfrm>
          <a:prstGeom prst="rect">
            <a:avLst/>
          </a:prstGeom>
        </p:spPr>
      </p:pic>
      <p:pic>
        <p:nvPicPr>
          <p:cNvPr id="9" name="Picture 8" descr="A map of the coast&#10;&#10;Description automatically generated with medium confidence">
            <a:extLst>
              <a:ext uri="{FF2B5EF4-FFF2-40B4-BE49-F238E27FC236}">
                <a16:creationId xmlns:a16="http://schemas.microsoft.com/office/drawing/2014/main" id="{B952478A-4E3F-12D7-9964-98E356C00075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507" r="49616"/>
          <a:stretch/>
        </p:blipFill>
        <p:spPr>
          <a:xfrm>
            <a:off x="6087548" y="4045687"/>
            <a:ext cx="2662892" cy="2609813"/>
          </a:xfrm>
          <a:prstGeom prst="rect">
            <a:avLst/>
          </a:prstGeom>
        </p:spPr>
      </p:pic>
      <p:pic>
        <p:nvPicPr>
          <p:cNvPr id="10" name="Picture 9" descr="A graph of different colors&#10;&#10;Description automatically generated">
            <a:extLst>
              <a:ext uri="{FF2B5EF4-FFF2-40B4-BE49-F238E27FC236}">
                <a16:creationId xmlns:a16="http://schemas.microsoft.com/office/drawing/2014/main" id="{77391B3D-B812-EF0F-FBE4-A66807C7543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111" t="47177"/>
          <a:stretch/>
        </p:blipFill>
        <p:spPr>
          <a:xfrm>
            <a:off x="467566" y="1902431"/>
            <a:ext cx="2662892" cy="2035066"/>
          </a:xfrm>
          <a:prstGeom prst="rect">
            <a:avLst/>
          </a:prstGeom>
        </p:spPr>
      </p:pic>
      <p:pic>
        <p:nvPicPr>
          <p:cNvPr id="11" name="Picture 10" descr="A graph of different colors&#10;&#10;Description automatically generated">
            <a:extLst>
              <a:ext uri="{FF2B5EF4-FFF2-40B4-BE49-F238E27FC236}">
                <a16:creationId xmlns:a16="http://schemas.microsoft.com/office/drawing/2014/main" id="{7E31DAD8-2F51-FBE3-2FFB-2E161307D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7717" b="52824"/>
          <a:stretch/>
        </p:blipFill>
        <p:spPr>
          <a:xfrm>
            <a:off x="8956537" y="1902431"/>
            <a:ext cx="2969208" cy="1817504"/>
          </a:xfrm>
          <a:prstGeom prst="rect">
            <a:avLst/>
          </a:prstGeom>
        </p:spPr>
      </p:pic>
      <p:pic>
        <p:nvPicPr>
          <p:cNvPr id="12" name="Picture 11" descr="A graph of different colors&#10;&#10;Description automatically generated">
            <a:extLst>
              <a:ext uri="{FF2B5EF4-FFF2-40B4-BE49-F238E27FC236}">
                <a16:creationId xmlns:a16="http://schemas.microsoft.com/office/drawing/2014/main" id="{3CE0152F-0C7A-1E05-BC5C-CF9F93CB05C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7177" r="47717"/>
          <a:stretch/>
        </p:blipFill>
        <p:spPr>
          <a:xfrm>
            <a:off x="6095180" y="1866129"/>
            <a:ext cx="2969208" cy="2035065"/>
          </a:xfrm>
          <a:prstGeom prst="rect">
            <a:avLst/>
          </a:prstGeom>
        </p:spPr>
      </p:pic>
      <p:pic>
        <p:nvPicPr>
          <p:cNvPr id="13" name="Picture 12" descr="A graph of different colors&#10;&#10;Description automatically generated">
            <a:extLst>
              <a:ext uri="{FF2B5EF4-FFF2-40B4-BE49-F238E27FC236}">
                <a16:creationId xmlns:a16="http://schemas.microsoft.com/office/drawing/2014/main" id="{22BF44AC-2945-B6E3-2F6E-04A772F0A7E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111" b="52824"/>
          <a:stretch/>
        </p:blipFill>
        <p:spPr>
          <a:xfrm>
            <a:off x="3380214" y="1916697"/>
            <a:ext cx="2662892" cy="1817504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EE6B5A09-1F5C-66F4-D0DA-184A3EAE4C1A}"/>
              </a:ext>
            </a:extLst>
          </p:cNvPr>
          <p:cNvSpPr txBox="1"/>
          <p:nvPr/>
        </p:nvSpPr>
        <p:spPr>
          <a:xfrm rot="16200000">
            <a:off x="-524375" y="2626517"/>
            <a:ext cx="17341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b="1" dirty="0"/>
              <a:t>MASSEBALANS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4A97804-518B-E6D3-C5EF-6AF2A7BAAB3A}"/>
              </a:ext>
            </a:extLst>
          </p:cNvPr>
          <p:cNvSpPr txBox="1"/>
          <p:nvPr/>
        </p:nvSpPr>
        <p:spPr>
          <a:xfrm rot="16200000">
            <a:off x="-65982" y="5040856"/>
            <a:ext cx="8173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b="1" dirty="0"/>
              <a:t>RISIKO</a:t>
            </a:r>
          </a:p>
        </p:txBody>
      </p:sp>
    </p:spTree>
    <p:extLst>
      <p:ext uri="{BB962C8B-B14F-4D97-AF65-F5344CB8AC3E}">
        <p14:creationId xmlns:p14="http://schemas.microsoft.com/office/powerpoint/2010/main" val="29751026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4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B7B80-981E-B2FE-BCCC-E115FE089F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Vannvolum hvor PEC/PNEC &gt; 1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785FE32-C0C7-1323-1725-18396582014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52427" cy="3910012"/>
          </a:xfrm>
        </p:spPr>
        <p:txBody>
          <a:bodyPr/>
          <a:lstStyle/>
          <a:p>
            <a:r>
              <a:rPr lang="en-GB" dirty="0" err="1"/>
              <a:t>Høyest</a:t>
            </a:r>
            <a:r>
              <a:rPr lang="en-GB" dirty="0"/>
              <a:t> </a:t>
            </a:r>
            <a:r>
              <a:rPr lang="en-GB" dirty="0" err="1"/>
              <a:t>risiko</a:t>
            </a:r>
            <a:r>
              <a:rPr lang="en-GB" dirty="0"/>
              <a:t> for </a:t>
            </a:r>
            <a:r>
              <a:rPr lang="en-GB" dirty="0" err="1"/>
              <a:t>pelagiske</a:t>
            </a:r>
            <a:r>
              <a:rPr lang="en-GB" dirty="0"/>
              <a:t> </a:t>
            </a:r>
            <a:r>
              <a:rPr lang="en-GB" dirty="0" err="1"/>
              <a:t>fiskeegg</a:t>
            </a:r>
            <a:r>
              <a:rPr lang="en-GB" dirty="0"/>
              <a:t> er </a:t>
            </a:r>
            <a:r>
              <a:rPr lang="en-GB" dirty="0" err="1"/>
              <a:t>assosiert</a:t>
            </a:r>
            <a:r>
              <a:rPr lang="en-GB" dirty="0"/>
              <a:t> med </a:t>
            </a:r>
            <a:r>
              <a:rPr lang="en-GB" dirty="0" err="1"/>
              <a:t>utslipp</a:t>
            </a:r>
            <a:r>
              <a:rPr lang="en-GB" dirty="0"/>
              <a:t> </a:t>
            </a:r>
            <a:r>
              <a:rPr lang="en-GB" dirty="0" err="1"/>
              <a:t>av</a:t>
            </a:r>
            <a:r>
              <a:rPr lang="en-GB" dirty="0"/>
              <a:t> MGO </a:t>
            </a:r>
            <a:r>
              <a:rPr lang="en-GB" dirty="0" err="1"/>
              <a:t>etterfulgt</a:t>
            </a:r>
            <a:r>
              <a:rPr lang="en-GB" dirty="0"/>
              <a:t> </a:t>
            </a:r>
            <a:r>
              <a:rPr lang="en-GB" dirty="0" err="1"/>
              <a:t>av</a:t>
            </a:r>
            <a:r>
              <a:rPr lang="en-GB" dirty="0"/>
              <a:t> </a:t>
            </a:r>
            <a:r>
              <a:rPr lang="en-GB" dirty="0" err="1"/>
              <a:t>ammoniakk</a:t>
            </a:r>
            <a:endParaRPr lang="en-GB" dirty="0"/>
          </a:p>
          <a:p>
            <a:r>
              <a:rPr lang="en-GB" dirty="0"/>
              <a:t>HFO og ULSFO </a:t>
            </a:r>
            <a:r>
              <a:rPr lang="en-GB" dirty="0" err="1"/>
              <a:t>utslipp</a:t>
            </a:r>
            <a:r>
              <a:rPr lang="en-GB" dirty="0"/>
              <a:t> er </a:t>
            </a:r>
            <a:r>
              <a:rPr lang="en-GB" dirty="0" err="1"/>
              <a:t>ikke</a:t>
            </a:r>
            <a:r>
              <a:rPr lang="en-GB" dirty="0"/>
              <a:t> </a:t>
            </a:r>
            <a:r>
              <a:rPr lang="en-GB" dirty="0" err="1"/>
              <a:t>assosiert</a:t>
            </a:r>
            <a:r>
              <a:rPr lang="en-GB" dirty="0"/>
              <a:t> med </a:t>
            </a:r>
            <a:r>
              <a:rPr lang="en-GB" dirty="0" err="1"/>
              <a:t>risiko</a:t>
            </a:r>
            <a:r>
              <a:rPr lang="en-GB" dirty="0"/>
              <a:t> for </a:t>
            </a:r>
            <a:r>
              <a:rPr lang="en-GB" dirty="0" err="1"/>
              <a:t>skader</a:t>
            </a:r>
            <a:r>
              <a:rPr lang="en-GB" dirty="0"/>
              <a:t> p</a:t>
            </a:r>
            <a:r>
              <a:rPr lang="nb-NO" dirty="0"/>
              <a:t>å </a:t>
            </a:r>
            <a:r>
              <a:rPr lang="en-GB" dirty="0" err="1"/>
              <a:t>pelagiske</a:t>
            </a:r>
            <a:r>
              <a:rPr lang="en-GB" dirty="0"/>
              <a:t> </a:t>
            </a:r>
            <a:r>
              <a:rPr lang="en-GB" dirty="0" err="1"/>
              <a:t>fiskeegg</a:t>
            </a:r>
            <a:endParaRPr lang="nb-NO" dirty="0"/>
          </a:p>
        </p:txBody>
      </p:sp>
      <p:pic>
        <p:nvPicPr>
          <p:cNvPr id="4" name="Picture 4" descr="image">
            <a:extLst>
              <a:ext uri="{FF2B5EF4-FFF2-40B4-BE49-F238E27FC236}">
                <a16:creationId xmlns:a16="http://schemas.microsoft.com/office/drawing/2014/main" id="{1A3C52D9-86E0-6018-D638-491CEC6749D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217"/>
          <a:stretch/>
        </p:blipFill>
        <p:spPr bwMode="auto">
          <a:xfrm>
            <a:off x="6695539" y="3766610"/>
            <a:ext cx="3338798" cy="2612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91ECBD9-F189-D5A2-085A-4F51E8825765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36"/>
          <a:stretch/>
        </p:blipFill>
        <p:spPr>
          <a:xfrm>
            <a:off x="927785" y="3766610"/>
            <a:ext cx="5381752" cy="27114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89360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1E0AAE-BE55-0633-F385-8CA6AA4DF2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763036"/>
          </a:xfrm>
        </p:spPr>
        <p:txBody>
          <a:bodyPr/>
          <a:lstStyle/>
          <a:p>
            <a:r>
              <a:rPr lang="nb-NO" dirty="0"/>
              <a:t>Konklusjone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4474D95-E370-E601-71EB-63B5A22F40B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1491291"/>
            <a:ext cx="11237295" cy="5222331"/>
          </a:xfrm>
        </p:spPr>
        <p:txBody>
          <a:bodyPr>
            <a:normAutofit lnSpcReduction="10000"/>
          </a:bodyPr>
          <a:lstStyle/>
          <a:p>
            <a:r>
              <a:rPr lang="nb-NO" dirty="0"/>
              <a:t>Giftighetstesting av </a:t>
            </a:r>
            <a:r>
              <a:rPr lang="nb-NO" dirty="0" err="1"/>
              <a:t>petrogene</a:t>
            </a:r>
            <a:r>
              <a:rPr lang="nb-NO" dirty="0"/>
              <a:t> energibærere: </a:t>
            </a:r>
          </a:p>
          <a:p>
            <a:pPr lvl="1"/>
            <a:r>
              <a:rPr lang="nb-NO" dirty="0"/>
              <a:t>Kjemisk svært komplekse og generelt lite vannløselige</a:t>
            </a:r>
          </a:p>
          <a:p>
            <a:pPr lvl="1"/>
            <a:r>
              <a:rPr lang="nb-NO" dirty="0"/>
              <a:t>Forårsaker i større grad langtidseffekter enn akutt giftighet, selv ved lave eksponeringskonsentrasjoner</a:t>
            </a:r>
          </a:p>
          <a:p>
            <a:r>
              <a:rPr lang="nb-NO" dirty="0"/>
              <a:t>Giftighetstesting av ammoniakk: </a:t>
            </a:r>
          </a:p>
          <a:p>
            <a:pPr lvl="1"/>
            <a:r>
              <a:rPr lang="nb-NO" dirty="0"/>
              <a:t>Veldig vannløselig, men omdannes raskt til NH</a:t>
            </a:r>
            <a:r>
              <a:rPr lang="nb-NO" baseline="-25000" dirty="0"/>
              <a:t>4</a:t>
            </a:r>
            <a:r>
              <a:rPr lang="nb-NO" baseline="30000" dirty="0"/>
              <a:t>+</a:t>
            </a:r>
            <a:r>
              <a:rPr lang="nb-NO" dirty="0"/>
              <a:t> i sjøvann</a:t>
            </a:r>
          </a:p>
          <a:p>
            <a:pPr lvl="1"/>
            <a:r>
              <a:rPr lang="nb-NO" dirty="0"/>
              <a:t>NH</a:t>
            </a:r>
            <a:r>
              <a:rPr lang="nb-NO" baseline="-25000" dirty="0"/>
              <a:t>3</a:t>
            </a:r>
            <a:r>
              <a:rPr lang="nb-NO" dirty="0"/>
              <a:t> er svært flyktig og kan i stor grad fordampe</a:t>
            </a:r>
          </a:p>
          <a:p>
            <a:pPr lvl="1"/>
            <a:r>
              <a:rPr lang="nb-NO" dirty="0"/>
              <a:t>Forårsaker akutt dødelighet ved høye konsentrasjoner </a:t>
            </a:r>
          </a:p>
          <a:p>
            <a:pPr lvl="1"/>
            <a:r>
              <a:rPr lang="nb-NO" dirty="0"/>
              <a:t>Ingen indikasjoner som tyder på langtidseffekter på larveutvikling</a:t>
            </a:r>
          </a:p>
          <a:p>
            <a:r>
              <a:rPr lang="nb-NO" dirty="0"/>
              <a:t>Preliminære modellresultater (utslipp på 10 meters dyp): </a:t>
            </a:r>
          </a:p>
          <a:p>
            <a:pPr lvl="1"/>
            <a:r>
              <a:rPr lang="nb-NO" dirty="0"/>
              <a:t>Spredning og massebalanse etter utslipp varierer for all energibærerne, og med lokasjon, vær og vind. </a:t>
            </a:r>
          </a:p>
          <a:p>
            <a:pPr lvl="1"/>
            <a:r>
              <a:rPr lang="nb-NO" dirty="0"/>
              <a:t>Risiko for miljøskade avhenger av lokal berørt biota</a:t>
            </a:r>
          </a:p>
          <a:p>
            <a:pPr lvl="1"/>
            <a:r>
              <a:rPr lang="nb-NO" dirty="0"/>
              <a:t>Ammoniakk har lavt damptrykk, noe som fører til høy avdampning fra havoverflaten</a:t>
            </a:r>
          </a:p>
          <a:p>
            <a:pPr lvl="1"/>
            <a:r>
              <a:rPr lang="nb-NO" dirty="0"/>
              <a:t>MGO har størst potensial for skade på pelagiske fiskeegg, etterfulgt av ammoniakk</a:t>
            </a:r>
          </a:p>
          <a:p>
            <a:pPr lvl="1"/>
            <a:r>
              <a:rPr lang="nb-NO" dirty="0"/>
              <a:t>Tungolje (HFO) og ULSFO er såpass lite vannløselige at de ikke ser ut til å utgjøre noen risiko for pelagiske fiskeegg, men har et vesentlig større risiko for effekter på biota på strender og på overflaten </a:t>
            </a:r>
          </a:p>
          <a:p>
            <a:endParaRPr lang="nb-NO" dirty="0"/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774640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95019A-E0CE-CD0F-C815-CB3F42AF48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Forbedringer - kunnskapshull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5196D2D-FCE9-64D8-D3C7-384642E4A4A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8" y="1681495"/>
            <a:ext cx="10752429" cy="4779456"/>
          </a:xfrm>
        </p:spPr>
        <p:txBody>
          <a:bodyPr>
            <a:normAutofit fontScale="92500" lnSpcReduction="10000"/>
          </a:bodyPr>
          <a:lstStyle/>
          <a:p>
            <a:r>
              <a:rPr lang="nb-NO" dirty="0"/>
              <a:t>Modellverktøy (DREAM) eksisterer, men bør utvikles videre</a:t>
            </a:r>
          </a:p>
          <a:p>
            <a:pPr lvl="1"/>
            <a:r>
              <a:rPr lang="nb-NO" dirty="0"/>
              <a:t>Bedre fordampningsrater og løselighet (termodynamikk)</a:t>
            </a:r>
          </a:p>
          <a:p>
            <a:pPr lvl="1"/>
            <a:r>
              <a:rPr lang="nb-NO" dirty="0"/>
              <a:t>Inkludere nedbrytning/omdanning av ammoniakk (fordeling NH</a:t>
            </a:r>
            <a:r>
              <a:rPr lang="nb-NO" baseline="-25000" dirty="0"/>
              <a:t>3</a:t>
            </a:r>
            <a:r>
              <a:rPr lang="nb-NO" dirty="0"/>
              <a:t> og NH</a:t>
            </a:r>
            <a:r>
              <a:rPr lang="nb-NO" baseline="-25000" dirty="0"/>
              <a:t>4</a:t>
            </a:r>
            <a:r>
              <a:rPr lang="nb-NO" baseline="30000" dirty="0"/>
              <a:t>+</a:t>
            </a:r>
            <a:r>
              <a:rPr lang="nb-NO" dirty="0"/>
              <a:t>, samt omdannelse til NO</a:t>
            </a:r>
            <a:r>
              <a:rPr lang="nb-NO" baseline="-25000" dirty="0"/>
              <a:t>3</a:t>
            </a:r>
            <a:r>
              <a:rPr lang="nb-NO" baseline="30000" dirty="0"/>
              <a:t>-</a:t>
            </a:r>
            <a:r>
              <a:rPr lang="nb-NO" dirty="0"/>
              <a:t>)</a:t>
            </a:r>
          </a:p>
          <a:p>
            <a:pPr lvl="1"/>
            <a:r>
              <a:rPr lang="nb-NO" dirty="0"/>
              <a:t>Fordeling mellom NH</a:t>
            </a:r>
            <a:r>
              <a:rPr lang="nb-NO" baseline="-25000" dirty="0"/>
              <a:t>3</a:t>
            </a:r>
            <a:r>
              <a:rPr lang="nb-NO" dirty="0"/>
              <a:t> og NH</a:t>
            </a:r>
            <a:r>
              <a:rPr lang="nb-NO" baseline="-25000" dirty="0"/>
              <a:t>4</a:t>
            </a:r>
            <a:r>
              <a:rPr lang="nb-NO" baseline="30000" dirty="0"/>
              <a:t>+ </a:t>
            </a:r>
            <a:r>
              <a:rPr lang="nb-NO" dirty="0"/>
              <a:t>viktig for korrekt å predikere giftighet da NH</a:t>
            </a:r>
            <a:r>
              <a:rPr lang="nb-NO" baseline="-25000" dirty="0"/>
              <a:t>3</a:t>
            </a:r>
            <a:r>
              <a:rPr lang="nb-NO" dirty="0"/>
              <a:t> er vesentlig giftigere</a:t>
            </a:r>
          </a:p>
          <a:p>
            <a:pPr lvl="1"/>
            <a:r>
              <a:rPr lang="nb-NO" dirty="0"/>
              <a:t>Undervannsutslipp av </a:t>
            </a:r>
            <a:r>
              <a:rPr lang="nb-NO" dirty="0" err="1"/>
              <a:t>trykksatt</a:t>
            </a:r>
            <a:r>
              <a:rPr lang="nb-NO" dirty="0"/>
              <a:t> ammoniakk – oppdatering av </a:t>
            </a:r>
            <a:r>
              <a:rPr lang="nb-NO" dirty="0" err="1"/>
              <a:t>plume</a:t>
            </a:r>
            <a:r>
              <a:rPr lang="nb-NO" dirty="0"/>
              <a:t>-modellen</a:t>
            </a:r>
          </a:p>
          <a:p>
            <a:r>
              <a:rPr lang="nb-NO" dirty="0"/>
              <a:t>Mer realistiske scenarier</a:t>
            </a:r>
          </a:p>
          <a:p>
            <a:pPr lvl="1"/>
            <a:r>
              <a:rPr lang="nb-NO" dirty="0"/>
              <a:t>Lagring om bord</a:t>
            </a:r>
          </a:p>
          <a:p>
            <a:pPr lvl="1"/>
            <a:r>
              <a:rPr lang="nb-NO" dirty="0"/>
              <a:t>Mengder</a:t>
            </a:r>
          </a:p>
          <a:p>
            <a:pPr lvl="1"/>
            <a:r>
              <a:rPr lang="nb-NO" dirty="0"/>
              <a:t>Lokasjon</a:t>
            </a:r>
          </a:p>
          <a:p>
            <a:r>
              <a:rPr lang="nb-NO" dirty="0"/>
              <a:t>Ammoniakk som nitrogenkilde - Ammoniakkutslipp kan forårsake langtidseffekter gjennom økt nitrogen som potensielt kan forårsake en gjødslingseffekt</a:t>
            </a:r>
          </a:p>
          <a:p>
            <a:r>
              <a:rPr lang="nb-NO" dirty="0"/>
              <a:t>Respons ved uhellsutslipp?</a:t>
            </a:r>
          </a:p>
          <a:p>
            <a:pPr lvl="1"/>
            <a:r>
              <a:rPr lang="nb-NO" dirty="0"/>
              <a:t>Skal f.eks. </a:t>
            </a:r>
            <a:r>
              <a:rPr lang="nb-NO" dirty="0" err="1"/>
              <a:t>leding</a:t>
            </a:r>
            <a:r>
              <a:rPr lang="nb-NO" dirty="0"/>
              <a:t> av ammoniakk til sjøvann være en respons-opsjon ved landbaserte utslipp bør risiko for effekter på resipienten vurderes f.eks. ved bruk av modeller</a:t>
            </a:r>
          </a:p>
          <a:p>
            <a:r>
              <a:rPr lang="nb-NO" dirty="0"/>
              <a:t>Feltforsøk bør vurderes – modelltesting og -validering</a:t>
            </a:r>
          </a:p>
        </p:txBody>
      </p:sp>
    </p:spTree>
    <p:extLst>
      <p:ext uri="{BB962C8B-B14F-4D97-AF65-F5344CB8AC3E}">
        <p14:creationId xmlns:p14="http://schemas.microsoft.com/office/powerpoint/2010/main" val="9959940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557B59-037F-E4E0-A26B-C0BE6DE24B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TUSEN TAKK FOR OPPMERKSOMHETEN!</a:t>
            </a:r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AE3C083-2580-755D-443A-19B480F9DAE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8" y="2037893"/>
            <a:ext cx="10752429" cy="2782214"/>
          </a:xfrm>
        </p:spPr>
        <p:txBody>
          <a:bodyPr/>
          <a:lstStyle/>
          <a:p>
            <a:pPr marL="0" indent="0">
              <a:buNone/>
            </a:pPr>
            <a:r>
              <a:rPr lang="en-US" sz="2400" dirty="0" err="1">
                <a:latin typeface="Calibri" panose="020F0502020204030204" pitchFamily="34" charset="0"/>
              </a:rPr>
              <a:t>Arbeidet</a:t>
            </a:r>
            <a:r>
              <a:rPr lang="en-US" sz="2400" dirty="0">
                <a:latin typeface="Calibri" panose="020F0502020204030204" pitchFamily="34" charset="0"/>
              </a:rPr>
              <a:t> er </a:t>
            </a:r>
            <a:r>
              <a:rPr lang="en-US" sz="2400" dirty="0" err="1">
                <a:latin typeface="Calibri" panose="020F0502020204030204" pitchFamily="34" charset="0"/>
              </a:rPr>
              <a:t>blitt</a:t>
            </a:r>
            <a:r>
              <a:rPr lang="en-US" sz="2400" dirty="0">
                <a:latin typeface="Calibri" panose="020F0502020204030204" pitchFamily="34" charset="0"/>
              </a:rPr>
              <a:t> </a:t>
            </a:r>
            <a:r>
              <a:rPr lang="en-US" sz="2400" dirty="0" err="1">
                <a:latin typeface="Calibri" panose="020F0502020204030204" pitchFamily="34" charset="0"/>
              </a:rPr>
              <a:t>finansiert</a:t>
            </a:r>
            <a:r>
              <a:rPr lang="en-US" sz="2400" dirty="0">
                <a:latin typeface="Calibri" panose="020F0502020204030204" pitchFamily="34" charset="0"/>
              </a:rPr>
              <a:t> av: </a:t>
            </a:r>
          </a:p>
          <a:p>
            <a:r>
              <a:rPr lang="en-US" sz="2400" dirty="0" err="1">
                <a:latin typeface="Calibri" panose="020F0502020204030204" pitchFamily="34" charset="0"/>
              </a:rPr>
              <a:t>Kystverket</a:t>
            </a:r>
            <a:r>
              <a:rPr lang="en-US" sz="2400" dirty="0">
                <a:latin typeface="Calibri" panose="020F0502020204030204" pitchFamily="34" charset="0"/>
              </a:rPr>
              <a:t> (32603693)</a:t>
            </a:r>
          </a:p>
          <a:p>
            <a:r>
              <a:rPr lang="en-US" sz="2400" dirty="0">
                <a:latin typeface="Calibri" panose="020F0502020204030204" pitchFamily="34" charset="0"/>
              </a:rPr>
              <a:t>The </a:t>
            </a:r>
            <a:r>
              <a:rPr lang="en-US" sz="2400" dirty="0" err="1">
                <a:latin typeface="Calibri" panose="020F0502020204030204" pitchFamily="34" charset="0"/>
              </a:rPr>
              <a:t>HYDROGENi</a:t>
            </a:r>
            <a:r>
              <a:rPr lang="en-US" sz="2400" dirty="0">
                <a:latin typeface="Calibri" panose="020F0502020204030204" pitchFamily="34" charset="0"/>
              </a:rPr>
              <a:t> Research Centre (</a:t>
            </a:r>
            <a:r>
              <a:rPr lang="nb-NO" sz="2400" dirty="0">
                <a:hlinkClick r:id="rId2"/>
              </a:rPr>
              <a:t>hydrogeni.no</a:t>
            </a:r>
            <a:r>
              <a:rPr lang="en-US" sz="2400" dirty="0">
                <a:latin typeface="Calibri" panose="020F0502020204030204" pitchFamily="34" charset="0"/>
              </a:rPr>
              <a:t>) </a:t>
            </a:r>
            <a:r>
              <a:rPr lang="en-US" sz="2400" dirty="0" err="1">
                <a:latin typeface="Calibri" panose="020F0502020204030204" pitchFamily="34" charset="0"/>
              </a:rPr>
              <a:t>finansiert</a:t>
            </a:r>
            <a:r>
              <a:rPr lang="en-US" sz="2400" dirty="0">
                <a:latin typeface="Calibri" panose="020F0502020204030204" pitchFamily="34" charset="0"/>
              </a:rPr>
              <a:t> </a:t>
            </a:r>
            <a:r>
              <a:rPr lang="en-US" sz="2400" dirty="0" err="1">
                <a:latin typeface="Calibri" panose="020F0502020204030204" pitchFamily="34" charset="0"/>
              </a:rPr>
              <a:t>gjennom</a:t>
            </a:r>
            <a:r>
              <a:rPr lang="en-US" sz="2400" dirty="0">
                <a:latin typeface="Calibri" panose="020F0502020204030204" pitchFamily="34" charset="0"/>
              </a:rPr>
              <a:t> </a:t>
            </a:r>
            <a:r>
              <a:rPr lang="en-US" sz="2400" dirty="0" err="1">
                <a:latin typeface="Calibri" panose="020F0502020204030204" pitchFamily="34" charset="0"/>
              </a:rPr>
              <a:t>forskningsprogrammet</a:t>
            </a:r>
            <a:r>
              <a:rPr lang="en-US" sz="2400" dirty="0">
                <a:latin typeface="Calibri" panose="020F0502020204030204" pitchFamily="34" charset="0"/>
              </a:rPr>
              <a:t> FMETEKN av </a:t>
            </a:r>
            <a:r>
              <a:rPr lang="en-US" sz="2400" dirty="0" err="1">
                <a:latin typeface="Calibri" panose="020F0502020204030204" pitchFamily="34" charset="0"/>
              </a:rPr>
              <a:t>Forskningsrådet</a:t>
            </a:r>
            <a:r>
              <a:rPr lang="en-US" sz="2400" dirty="0">
                <a:latin typeface="Calibri" panose="020F0502020204030204" pitchFamily="34" charset="0"/>
              </a:rPr>
              <a:t> og </a:t>
            </a:r>
            <a:r>
              <a:rPr lang="en-US" sz="2400" dirty="0" err="1">
                <a:latin typeface="Calibri" panose="020F0502020204030204" pitchFamily="34" charset="0"/>
              </a:rPr>
              <a:t>industripartnere</a:t>
            </a:r>
            <a:r>
              <a:rPr lang="en-US" sz="2400" dirty="0">
                <a:latin typeface="Calibri" panose="020F0502020204030204" pitchFamily="34" charset="0"/>
              </a:rPr>
              <a:t> </a:t>
            </a:r>
            <a:r>
              <a:rPr lang="en-US" sz="2400" dirty="0" err="1">
                <a:latin typeface="Calibri" panose="020F0502020204030204" pitchFamily="34" charset="0"/>
              </a:rPr>
              <a:t>i</a:t>
            </a:r>
            <a:r>
              <a:rPr lang="en-US" sz="2400" dirty="0">
                <a:latin typeface="Calibri" panose="020F0502020204030204" pitchFamily="34" charset="0"/>
              </a:rPr>
              <a:t> </a:t>
            </a:r>
            <a:r>
              <a:rPr lang="en-US" sz="2400" dirty="0" err="1">
                <a:latin typeface="Calibri" panose="020F0502020204030204" pitchFamily="34" charset="0"/>
              </a:rPr>
              <a:t>HYDROGENi</a:t>
            </a:r>
            <a:r>
              <a:rPr lang="en-US" sz="2400" dirty="0">
                <a:latin typeface="Calibri" panose="020F0502020204030204" pitchFamily="34" charset="0"/>
              </a:rPr>
              <a:t> (333118). </a:t>
            </a:r>
          </a:p>
          <a:p>
            <a:r>
              <a:rPr lang="nb-NO" sz="2400" dirty="0">
                <a:latin typeface="Calibri" panose="020F0502020204030204" pitchFamily="34" charset="0"/>
              </a:rPr>
              <a:t>Sysselmesteren på Svalbard (18:129 - Spredning og miljøeffekter av marine drivstoff ved uhellsutslipp i Arktiske farvann)</a:t>
            </a:r>
          </a:p>
        </p:txBody>
      </p:sp>
      <p:pic>
        <p:nvPicPr>
          <p:cNvPr id="4" name="Plassholder for innhold 3" descr="Et bilde som inneholder tekst, Font, Grafikk, grafisk design&#10;&#10;Automatisk generert beskrivelse">
            <a:extLst>
              <a:ext uri="{FF2B5EF4-FFF2-40B4-BE49-F238E27FC236}">
                <a16:creationId xmlns:a16="http://schemas.microsoft.com/office/drawing/2014/main" id="{42E3D3A0-BB40-EF88-78EC-7A7E3A6008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33080" y="5358998"/>
            <a:ext cx="8416247" cy="1015155"/>
          </a:xfrm>
          <a:prstGeom prst="rect">
            <a:avLst/>
          </a:prstGeom>
        </p:spPr>
      </p:pic>
      <p:pic>
        <p:nvPicPr>
          <p:cNvPr id="5" name="Picture 2" descr="Sysselmesteren på Svalbard – Wikipedia">
            <a:extLst>
              <a:ext uri="{FF2B5EF4-FFF2-40B4-BE49-F238E27FC236}">
                <a16:creationId xmlns:a16="http://schemas.microsoft.com/office/drawing/2014/main" id="{95200041-EDDF-5172-BC2C-6E4643C4F7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98980" y="5255116"/>
            <a:ext cx="864820" cy="12229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245782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E5181-D8FF-71C0-2FFA-1D15B57C0B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Introduksj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A6CD900-4BD5-A696-9732-71CCAB1873E7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>
            <a:normAutofit/>
          </a:bodyPr>
          <a:lstStyle/>
          <a:p>
            <a:r>
              <a:rPr lang="nb-NO" dirty="0"/>
              <a:t>Overgang fra fossile til ikke-fossile energibærere i maritim transport</a:t>
            </a:r>
          </a:p>
          <a:p>
            <a:r>
              <a:rPr lang="nb-NO" dirty="0"/>
              <a:t>Nye energibærere representerer nye utfordringer for miljøet og for responsarbeid i forbindelse med uhellsutslipp</a:t>
            </a:r>
          </a:p>
          <a:p>
            <a:r>
              <a:rPr lang="nb-NO" dirty="0"/>
              <a:t>Er ikke-fossile energibærere mindre giftige enn fossile for marint miljø? </a:t>
            </a:r>
          </a:p>
          <a:p>
            <a:endParaRPr lang="nb-NO" dirty="0"/>
          </a:p>
          <a:p>
            <a:r>
              <a:rPr lang="nb-NO" dirty="0"/>
              <a:t>Giftighet av ulike typer energibærere i maritim transport</a:t>
            </a:r>
          </a:p>
          <a:p>
            <a:r>
              <a:rPr lang="nb-NO" dirty="0"/>
              <a:t>Tidlige livsstadier av fisk som modell for giftighetstesting</a:t>
            </a:r>
          </a:p>
          <a:p>
            <a:r>
              <a:rPr lang="nb-NO" dirty="0"/>
              <a:t>Utslippssimuleringer for å predikere skjebne og miljørisiko ved utslipp i marint miljø</a:t>
            </a:r>
          </a:p>
          <a:p>
            <a:r>
              <a:rPr lang="nb-NO" dirty="0"/>
              <a:t>Forskningsmangler</a:t>
            </a:r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827165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06CEA9-CF2A-E51C-B732-E887328B6E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848724" cy="1051168"/>
          </a:xfrm>
        </p:spPr>
        <p:txBody>
          <a:bodyPr/>
          <a:lstStyle/>
          <a:p>
            <a:r>
              <a:rPr lang="nb-NO" dirty="0"/>
              <a:t>INSERT-SYSTEMET MULIGGJØR IN SITU STUDIER  </a:t>
            </a:r>
          </a:p>
        </p:txBody>
      </p:sp>
      <p:pic>
        <p:nvPicPr>
          <p:cNvPr id="4" name="Picture 3" descr="A picture containing animal&#10;&#10;Description automatically generated">
            <a:extLst>
              <a:ext uri="{FF2B5EF4-FFF2-40B4-BE49-F238E27FC236}">
                <a16:creationId xmlns:a16="http://schemas.microsoft.com/office/drawing/2014/main" id="{2A79EB33-E216-1800-D5B3-4AD3343C7E3B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3000" contrast="-2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48643" y="1946468"/>
            <a:ext cx="4142466" cy="3256155"/>
          </a:xfrm>
          <a:prstGeom prst="rect">
            <a:avLst/>
          </a:prstGeom>
        </p:spPr>
      </p:pic>
      <p:pic>
        <p:nvPicPr>
          <p:cNvPr id="5" name="Picture 4" descr="A picture containing indoor, doughnut, donut, sitting&#10;&#10;Description automatically generated">
            <a:extLst>
              <a:ext uri="{FF2B5EF4-FFF2-40B4-BE49-F238E27FC236}">
                <a16:creationId xmlns:a16="http://schemas.microsoft.com/office/drawing/2014/main" id="{95EA4BDE-54CA-EDFB-E33F-59CAD21793B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5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673684" y="1970992"/>
            <a:ext cx="1875991" cy="3231631"/>
          </a:xfrm>
          <a:prstGeom prst="rect">
            <a:avLst/>
          </a:prstGeom>
        </p:spPr>
      </p:pic>
      <p:pic>
        <p:nvPicPr>
          <p:cNvPr id="6" name="Picture 5" descr="A picture containing indoor, food, bowl, sitting&#10;&#10;Description automatically generated">
            <a:extLst>
              <a:ext uri="{FF2B5EF4-FFF2-40B4-BE49-F238E27FC236}">
                <a16:creationId xmlns:a16="http://schemas.microsoft.com/office/drawing/2014/main" id="{4CFEEBC5-ECEB-4F6D-8C8B-5DACE778275B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sharpenSoften amount="25000"/>
                    </a14:imgEffect>
                    <a14:imgEffect>
                      <a14:brightnessContrast bright="20000"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215222" y="1885867"/>
            <a:ext cx="3231632" cy="340188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F362F20-AB7D-AE33-DD1D-E78B75256F16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2428" b="6447"/>
          <a:stretch/>
        </p:blipFill>
        <p:spPr>
          <a:xfrm>
            <a:off x="0" y="5708122"/>
            <a:ext cx="12192000" cy="1149878"/>
          </a:xfrm>
          <a:prstGeom prst="rect">
            <a:avLst/>
          </a:prstGeom>
        </p:spPr>
      </p:pic>
      <p:pic>
        <p:nvPicPr>
          <p:cNvPr id="8" name="Content Placeholder 10">
            <a:extLst>
              <a:ext uri="{FF2B5EF4-FFF2-40B4-BE49-F238E27FC236}">
                <a16:creationId xmlns:a16="http://schemas.microsoft.com/office/drawing/2014/main" id="{9506C9D9-FD82-4B4D-04CC-3898F1AE3EE6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9553389" y="2652042"/>
            <a:ext cx="3231632" cy="18204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873081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0A7728D-7133-4A50-AAD2-58F5F43001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4370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A9B45-29F0-96C5-8415-4CBC7C38E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orfor tidlige livsstadier hos fisk?</a:t>
            </a:r>
          </a:p>
        </p:txBody>
      </p:sp>
      <p:pic>
        <p:nvPicPr>
          <p:cNvPr id="1026" name="Picture 2" descr="Research — WagnerLab@UCSF">
            <a:extLst>
              <a:ext uri="{FF2B5EF4-FFF2-40B4-BE49-F238E27FC236}">
                <a16:creationId xmlns:a16="http://schemas.microsoft.com/office/drawing/2014/main" id="{F3DFACDC-B9F1-1ACC-4070-D472C57F9C4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4667" y="1992844"/>
            <a:ext cx="10846385" cy="30731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F79DCF34-A3DF-F204-C6BE-72CFF1AF0C6A}"/>
              </a:ext>
            </a:extLst>
          </p:cNvPr>
          <p:cNvSpPr txBox="1"/>
          <p:nvPr/>
        </p:nvSpPr>
        <p:spPr>
          <a:xfrm>
            <a:off x="284421" y="6293370"/>
            <a:ext cx="609777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dirty="0"/>
              <a:t>https://danwagnerlab.org/research</a:t>
            </a:r>
          </a:p>
        </p:txBody>
      </p:sp>
    </p:spTree>
    <p:extLst>
      <p:ext uri="{BB962C8B-B14F-4D97-AF65-F5344CB8AC3E}">
        <p14:creationId xmlns:p14="http://schemas.microsoft.com/office/powerpoint/2010/main" val="13602318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396E22B0-13E3-F5BF-F911-B9AC6A372A3E}"/>
              </a:ext>
            </a:extLst>
          </p:cNvPr>
          <p:cNvSpPr/>
          <p:nvPr/>
        </p:nvSpPr>
        <p:spPr>
          <a:xfrm>
            <a:off x="6037227" y="2145028"/>
            <a:ext cx="5923291" cy="1728245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nb-NO" b="1" dirty="0" err="1">
              <a:solidFill>
                <a:schemeClr val="tx2"/>
              </a:solidFill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03EA2B87-E403-19AF-6F81-257D5145542D}"/>
              </a:ext>
            </a:extLst>
          </p:cNvPr>
          <p:cNvSpPr/>
          <p:nvPr/>
        </p:nvSpPr>
        <p:spPr>
          <a:xfrm>
            <a:off x="2382362" y="2129750"/>
            <a:ext cx="3659038" cy="1748576"/>
          </a:xfrm>
          <a:prstGeom prst="rect">
            <a:avLst/>
          </a:prstGeom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nb-NO" b="1" dirty="0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5DDAB43-D021-35AD-459D-D601576135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01667" y="331705"/>
            <a:ext cx="9407973" cy="1051168"/>
          </a:xfrm>
        </p:spPr>
        <p:txBody>
          <a:bodyPr/>
          <a:lstStyle/>
          <a:p>
            <a:r>
              <a:rPr lang="nb-NO" dirty="0"/>
              <a:t>Giftighetstest for torsk utviklet hos SINTEF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4D980D-798B-723E-1C5B-B4419F31FC8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51838" y="4444600"/>
            <a:ext cx="4002900" cy="2146805"/>
          </a:xfrm>
        </p:spPr>
        <p:txBody>
          <a:bodyPr>
            <a:normAutofit/>
          </a:bodyPr>
          <a:lstStyle/>
          <a:p>
            <a:pPr marL="285750" lvl="1" indent="0">
              <a:buNone/>
            </a:pPr>
            <a:r>
              <a:rPr lang="nb-NO" b="1" dirty="0"/>
              <a:t>AKUTT OG FORSINKET GIFTIGHET </a:t>
            </a:r>
          </a:p>
          <a:p>
            <a:pPr lvl="1"/>
            <a:r>
              <a:rPr lang="nb-NO" dirty="0"/>
              <a:t>Overlevelse</a:t>
            </a:r>
          </a:p>
          <a:p>
            <a:pPr lvl="1"/>
            <a:r>
              <a:rPr lang="nb-NO" dirty="0"/>
              <a:t>Klekkesuksess</a:t>
            </a:r>
          </a:p>
          <a:p>
            <a:pPr lvl="1"/>
            <a:r>
              <a:rPr lang="nb-NO" dirty="0"/>
              <a:t>Hjerteaktivitet</a:t>
            </a:r>
          </a:p>
          <a:p>
            <a:pPr lvl="1"/>
            <a:r>
              <a:rPr lang="nb-NO" dirty="0"/>
              <a:t>Deformiteter</a:t>
            </a:r>
          </a:p>
          <a:p>
            <a:pPr lvl="1"/>
            <a:r>
              <a:rPr lang="nb-NO" dirty="0"/>
              <a:t>Morfologi</a:t>
            </a:r>
          </a:p>
        </p:txBody>
      </p:sp>
      <p:pic>
        <p:nvPicPr>
          <p:cNvPr id="7" name="Picture 6" descr="A close-up of a group of clear circles&#10;&#10;Description automatically generated">
            <a:extLst>
              <a:ext uri="{FF2B5EF4-FFF2-40B4-BE49-F238E27FC236}">
                <a16:creationId xmlns:a16="http://schemas.microsoft.com/office/drawing/2014/main" id="{08197489-3F4A-381B-C47A-9C12DE8D2D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8210" b="78344" l="25463" r="70448">
                        <a14:foregroundMark x1="30478" y1="29733" x2="39545" y2="20062"/>
                        <a14:foregroundMark x1="39545" y1="20062" x2="49411" y2="18214"/>
                        <a14:foregroundMark x1="55388" y1="19173" x2="56481" y2="19496"/>
                        <a14:foregroundMark x1="51080" y1="17901" x2="54793" y2="18997"/>
                        <a14:foregroundMark x1="56481" y1="19496" x2="66474" y2="29167"/>
                        <a14:foregroundMark x1="66474" y1="29167" x2="71409" y2="42133"/>
                        <a14:foregroundMark x1="71163" y1="54215" x2="67863" y2="66307"/>
                        <a14:foregroundMark x1="67863" y1="66307" x2="63040" y2="72788"/>
                        <a14:foregroundMark x1="63040" y1="72788" x2="52083" y2="79115"/>
                        <a14:foregroundMark x1="52083" y1="79115" x2="46605" y2="79372"/>
                        <a14:foregroundMark x1="46605" y1="79372" x2="35108" y2="73765"/>
                        <a14:foregroundMark x1="35108" y1="73765" x2="27006" y2="60237"/>
                        <a14:foregroundMark x1="27006" y1="60237" x2="25463" y2="45267"/>
                        <a14:foregroundMark x1="25463" y1="45267" x2="30015" y2="29424"/>
                        <a14:foregroundMark x1="30015" y1="29424" x2="31636" y2="29115"/>
                        <a14:foregroundMark x1="38040" y1="22685" x2="48727" y2="21451"/>
                        <a14:foregroundMark x1="41512" y1="19444" x2="47261" y2="17953"/>
                        <a14:foregroundMark x1="47261" y1="17953" x2="52546" y2="18210"/>
                        <a14:foregroundMark x1="52546" y1="18210" x2="56790" y2="20062"/>
                        <a14:foregroundMark x1="26003" y1="41512" x2="26235" y2="50360"/>
                        <a14:foregroundMark x1="26235" y1="50360" x2="31057" y2="55504"/>
                        <a14:foregroundMark x1="31057" y1="55504" x2="35571" y2="51903"/>
                        <a14:foregroundMark x1="35571" y1="51903" x2="35532" y2="51492"/>
                        <a14:foregroundMark x1="29900" y1="65741" x2="38696" y2="65998"/>
                        <a14:foregroundMark x1="38696" y1="65998" x2="42323" y2="62654"/>
                        <a14:foregroundMark x1="38272" y1="75823" x2="45525" y2="74486"/>
                        <a14:foregroundMark x1="45525" y1="74486" x2="48650" y2="71708"/>
                        <a14:foregroundMark x1="41860" y1="78138" x2="47917" y2="79527"/>
                        <a14:foregroundMark x1="47917" y1="79527" x2="53897" y2="78344"/>
                        <a14:foregroundMark x1="53897" y1="78344" x2="56327" y2="76749"/>
                        <a14:foregroundMark x1="70602" y1="42747" x2="70448" y2="50874"/>
                        <a14:foregroundMark x1="70448" y1="50874" x2="70255" y2="42747"/>
                        <a14:foregroundMark x1="25540" y1="47634" x2="26003" y2="54835"/>
                        <a14:foregroundMark x1="26003" y1="54835" x2="27932" y2="60957"/>
                        <a14:backgroundMark x1="25540" y1="59619" x2="24267" y2="51029"/>
                        <a14:backgroundMark x1="24267" y1="51029" x2="25039" y2="57922"/>
                        <a14:backgroundMark x1="25039" y1="57922" x2="25309" y2="58539"/>
                        <a14:backgroundMark x1="48187" y1="16512" x2="59877" y2="18724"/>
                        <a14:backgroundMark x1="59877" y1="18724" x2="65394" y2="17078"/>
                        <a14:backgroundMark x1="65394" y1="17078" x2="59375" y2="18158"/>
                        <a14:backgroundMark x1="59375" y1="18158" x2="62076" y2="18056"/>
                        <a14:backgroundMark x1="49421" y1="17438" x2="55285" y2="18313"/>
                        <a14:backgroundMark x1="55285" y1="18313" x2="55748" y2="18673"/>
                        <a14:backgroundMark x1="71489" y1="42130" x2="71836" y2="54835"/>
                      </a14:backgroundRemoval>
                    </a14:imgEffect>
                    <a14:imgEffect>
                      <a14:sharpenSoften amount="50000"/>
                    </a14:imgEffect>
                    <a14:imgEffect>
                      <a14:brightnessContrast bright="2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2039" t="15997" r="25432" b="17489"/>
          <a:stretch/>
        </p:blipFill>
        <p:spPr>
          <a:xfrm>
            <a:off x="2605172" y="2534641"/>
            <a:ext cx="1354617" cy="1286442"/>
          </a:xfrm>
          <a:prstGeom prst="rect">
            <a:avLst/>
          </a:prstGeom>
        </p:spPr>
      </p:pic>
      <p:pic>
        <p:nvPicPr>
          <p:cNvPr id="9" name="Picture 8" descr="Close-up of a cell&#10;&#10;Description automatically generated">
            <a:extLst>
              <a:ext uri="{FF2B5EF4-FFF2-40B4-BE49-F238E27FC236}">
                <a16:creationId xmlns:a16="http://schemas.microsoft.com/office/drawing/2014/main" id="{C306D697-F158-5923-68FC-CF51D4CB4F9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9959" b="81019" l="33758" r="81289">
                        <a14:foregroundMark x1="78356" y1="31944" x2="81944" y2="47840"/>
                        <a14:foregroundMark x1="81944" y1="47840" x2="81134" y2="57767"/>
                        <a14:foregroundMark x1="81134" y1="57767" x2="78241" y2="66461"/>
                        <a14:foregroundMark x1="78241" y1="66461" x2="73148" y2="73714"/>
                        <a14:foregroundMark x1="73148" y1="73714" x2="61188" y2="79887"/>
                        <a14:foregroundMark x1="61188" y1="79887" x2="47492" y2="77469"/>
                        <a14:foregroundMark x1="47492" y1="77469" x2="42245" y2="72942"/>
                        <a14:foregroundMark x1="42245" y1="72942" x2="39275" y2="66461"/>
                        <a14:foregroundMark x1="39275" y1="66461" x2="39043" y2="66461"/>
                        <a14:foregroundMark x1="80093" y1="61368" x2="82137" y2="46708"/>
                        <a14:foregroundMark x1="82137" y1="46708" x2="81289" y2="38992"/>
                        <a14:foregroundMark x1="81289" y1="38992" x2="79861" y2="35185"/>
                        <a14:foregroundMark x1="37423" y1="66307" x2="34568" y2="59774"/>
                        <a14:foregroundMark x1="34568" y1="59774" x2="33719" y2="43673"/>
                        <a14:foregroundMark x1="33719" y1="43673" x2="39043" y2="28292"/>
                        <a14:foregroundMark x1="39043" y1="28292" x2="48457" y2="20576"/>
                        <a14:foregroundMark x1="48457" y1="20576" x2="60069" y2="18004"/>
                        <a14:foregroundMark x1="60069" y1="18004" x2="66049" y2="19959"/>
                        <a14:foregroundMark x1="66049" y1="19959" x2="68017" y2="21553"/>
                        <a14:foregroundMark x1="58565" y1="64300" x2="60802" y2="49434"/>
                        <a14:foregroundMark x1="60802" y1="49434" x2="70062" y2="32767"/>
                        <a14:foregroundMark x1="70062" y1="32767" x2="75309" y2="35340"/>
                        <a14:foregroundMark x1="75309" y1="35340" x2="75347" y2="35648"/>
                        <a14:foregroundMark x1="44213" y1="60134" x2="45332" y2="52418"/>
                        <a14:foregroundMark x1="45332" y1="52418" x2="52431" y2="38323"/>
                        <a14:foregroundMark x1="52431" y1="38323" x2="61921" y2="34053"/>
                        <a14:foregroundMark x1="61921" y1="34053" x2="68827" y2="35957"/>
                        <a14:foregroundMark x1="68827" y1="35957" x2="68943" y2="36111"/>
                        <a14:foregroundMark x1="38002" y1="48817" x2="37616" y2="38169"/>
                        <a14:foregroundMark x1="37616" y1="38169" x2="40278" y2="27984"/>
                        <a14:foregroundMark x1="40278" y1="27984" x2="41435" y2="25669"/>
                        <a14:foregroundMark x1="40779" y1="33642" x2="40779" y2="33642"/>
                        <a14:foregroundMark x1="38349" y1="36986" x2="45988" y2="36780"/>
                        <a14:foregroundMark x1="45988" y1="36780" x2="54745" y2="41101"/>
                        <a14:foregroundMark x1="54745" y1="41101" x2="55594" y2="42233"/>
                        <a14:foregroundMark x1="35918" y1="62140" x2="33989" y2="47788"/>
                        <a14:foregroundMark x1="33989" y1="47788" x2="35725" y2="37294"/>
                        <a14:foregroundMark x1="64776" y1="79475" x2="59259" y2="81019"/>
                        <a14:foregroundMark x1="59259" y1="81019" x2="53279" y2="81019"/>
                        <a14:foregroundMark x1="53279" y1="81019" x2="48573" y2="79012"/>
                        <a14:foregroundMark x1="71335" y1="68261" x2="70062" y2="58179"/>
                        <a14:foregroundMark x1="70062" y1="58179" x2="69483" y2="57562"/>
                        <a14:foregroundMark x1="75926" y1="27366" x2="70988" y2="23508"/>
                        <a14:foregroundMark x1="70988" y1="23508" x2="71566" y2="23817"/>
                        <a14:foregroundMark x1="34221" y1="56944" x2="33758" y2="48714"/>
                        <a14:foregroundMark x1="33758" y1="48714" x2="34799" y2="42387"/>
                        <a14:foregroundMark x1="34684" y1="40381" x2="37423" y2="33025"/>
                        <a14:foregroundMark x1="37423" y1="33025" x2="35610" y2="39918"/>
                      </a14:backgroundRemoval>
                    </a14:imgEffect>
                    <a14:imgEffect>
                      <a14:sharpenSoften amount="50000"/>
                    </a14:imgEffect>
                    <a14:imgEffect>
                      <a14:brightnessContrast bright="20000"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31494" t="16245" r="15977" b="17241"/>
          <a:stretch/>
        </p:blipFill>
        <p:spPr>
          <a:xfrm rot="10800000">
            <a:off x="4477708" y="2529640"/>
            <a:ext cx="1334108" cy="1266965"/>
          </a:xfrm>
          <a:prstGeom prst="rect">
            <a:avLst/>
          </a:prstGeom>
        </p:spPr>
      </p:pic>
      <p:pic>
        <p:nvPicPr>
          <p:cNvPr id="4" name="Picture 3" descr="A lizard on a white surface&#10;&#10;Description automatically generated with low confidence">
            <a:extLst>
              <a:ext uri="{FF2B5EF4-FFF2-40B4-BE49-F238E27FC236}">
                <a16:creationId xmlns:a16="http://schemas.microsoft.com/office/drawing/2014/main" id="{08A24BDA-4F1D-E5A4-B8DF-3D06F17DB5E1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ackgroundRemoval t="9759" b="89803" l="1974" r="94572">
                        <a14:foregroundMark x1="23602" y1="47149" x2="1974" y2="46491"/>
                        <a14:foregroundMark x1="1974" y1="46491" x2="17516" y2="52083"/>
                        <a14:foregroundMark x1="17516" y1="52083" x2="26234" y2="52193"/>
                        <a14:foregroundMark x1="89063" y1="43311" x2="92928" y2="48026"/>
                        <a14:foregroundMark x1="92928" y1="48026" x2="95230" y2="54605"/>
                        <a14:foregroundMark x1="95230" y1="54605" x2="91776" y2="59868"/>
                        <a14:foregroundMark x1="91776" y1="59868" x2="85938" y2="58553"/>
                        <a14:foregroundMark x1="94572" y1="52522" x2="94490" y2="57456"/>
                      </a14:backgroundRemoval>
                    </a14:imgEffect>
                    <a14:imgEffect>
                      <a14:brightnessContrast bright="20000"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34836" b="32994"/>
          <a:stretch/>
        </p:blipFill>
        <p:spPr>
          <a:xfrm>
            <a:off x="8014286" y="2717601"/>
            <a:ext cx="3685748" cy="889273"/>
          </a:xfrm>
          <a:prstGeom prst="rect">
            <a:avLst/>
          </a:prstGeom>
        </p:spPr>
      </p:pic>
      <p:pic>
        <p:nvPicPr>
          <p:cNvPr id="6" name="Picture 5" descr="A close-up of a microscope&#10;&#10;Description automatically generated">
            <a:extLst>
              <a:ext uri="{FF2B5EF4-FFF2-40B4-BE49-F238E27FC236}">
                <a16:creationId xmlns:a16="http://schemas.microsoft.com/office/drawing/2014/main" id="{E58625C4-CB38-4455-7E6E-77118F32F375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16924" b="78498" l="28974" r="74421">
                        <a14:foregroundMark x1="63735" y1="21811" x2="56597" y2="17490"/>
                        <a14:foregroundMark x1="56597" y1="17490" x2="43673" y2="19136"/>
                        <a14:foregroundMark x1="43673" y1="19136" x2="37307" y2="23560"/>
                        <a14:foregroundMark x1="37307" y1="23560" x2="32793" y2="29218"/>
                        <a14:foregroundMark x1="32793" y1="29218" x2="28665" y2="41049"/>
                        <a14:foregroundMark x1="28665" y1="41049" x2="28086" y2="52572"/>
                        <a14:foregroundMark x1="28086" y1="52572" x2="28974" y2="60082"/>
                        <a14:foregroundMark x1="28974" y1="60082" x2="31790" y2="61574"/>
                        <a14:foregroundMark x1="42361" y1="19239" x2="46181" y2="16461"/>
                        <a14:foregroundMark x1="46181" y1="16461" x2="51312" y2="16101"/>
                        <a14:foregroundMark x1="51312" y1="16101" x2="59645" y2="17490"/>
                        <a14:foregroundMark x1="59645" y1="17490" x2="65008" y2="20216"/>
                        <a14:foregroundMark x1="65008" y1="20216" x2="66397" y2="23920"/>
                        <a14:foregroundMark x1="59645" y1="17181" x2="59645" y2="17181"/>
                        <a14:foregroundMark x1="61073" y1="18261" x2="56481" y2="16924"/>
                        <a14:foregroundMark x1="56481" y1="16924" x2="56481" y2="16924"/>
                        <a14:foregroundMark x1="65046" y1="20576" x2="71103" y2="27726"/>
                        <a14:foregroundMark x1="71103" y1="27726" x2="73958" y2="33333"/>
                        <a14:foregroundMark x1="73958" y1="33333" x2="76003" y2="51492"/>
                        <a14:foregroundMark x1="76003" y1="51492" x2="72878" y2="63066"/>
                        <a14:foregroundMark x1="72878" y1="63066" x2="69985" y2="68467"/>
                        <a14:foregroundMark x1="69985" y1="68467" x2="59066" y2="78189"/>
                        <a14:foregroundMark x1="59066" y1="78189" x2="54552" y2="79887"/>
                        <a14:foregroundMark x1="54552" y1="79887" x2="45602" y2="78549"/>
                        <a14:foregroundMark x1="45602" y1="78549" x2="36690" y2="73457"/>
                        <a14:foregroundMark x1="44753" y1="41872" x2="45756" y2="50206"/>
                        <a14:foregroundMark x1="45756" y1="50206" x2="39699" y2="57870"/>
                        <a14:foregroundMark x1="39699" y1="57870" x2="35455" y2="53961"/>
                        <a14:foregroundMark x1="35455" y1="53961" x2="35224" y2="53292"/>
                        <a14:foregroundMark x1="45023" y1="51183" x2="64776" y2="64198"/>
                        <a14:foregroundMark x1="64776" y1="64198" x2="65548" y2="67490"/>
                        <a14:foregroundMark x1="69020" y1="63477" x2="66705" y2="38477"/>
                        <a14:foregroundMark x1="66705" y1="38477" x2="66551" y2="38117"/>
                        <a14:foregroundMark x1="74421" y1="34208" x2="68904" y2="54424"/>
                        <a14:foregroundMark x1="68904" y1="54424" x2="68711" y2="54630"/>
                      </a14:backgroundRemoval>
                    </a14:imgEffect>
                    <a14:imgEffect>
                      <a14:sharpenSoften amount="50000"/>
                    </a14:imgEffect>
                    <a14:imgEffect>
                      <a14:brightnessContrast bright="20000"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5402" t="14099" r="22069" b="18621"/>
          <a:stretch/>
        </p:blipFill>
        <p:spPr>
          <a:xfrm>
            <a:off x="6457505" y="2531089"/>
            <a:ext cx="1296298" cy="1245239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7FD26B72-3920-BB3A-5D0F-CB919486B451}"/>
              </a:ext>
            </a:extLst>
          </p:cNvPr>
          <p:cNvSpPr txBox="1"/>
          <p:nvPr/>
        </p:nvSpPr>
        <p:spPr>
          <a:xfrm>
            <a:off x="1056115" y="2129750"/>
            <a:ext cx="6112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3 DPF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F7D2CAB-C069-BF3F-A3F5-F38E6B6CA562}"/>
              </a:ext>
            </a:extLst>
          </p:cNvPr>
          <p:cNvSpPr txBox="1"/>
          <p:nvPr/>
        </p:nvSpPr>
        <p:spPr>
          <a:xfrm>
            <a:off x="4824292" y="2145029"/>
            <a:ext cx="7600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7 DPF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99B7B1D-5EC4-88DD-D2C1-2E49FC4C7607}"/>
              </a:ext>
            </a:extLst>
          </p:cNvPr>
          <p:cNvSpPr txBox="1"/>
          <p:nvPr/>
        </p:nvSpPr>
        <p:spPr>
          <a:xfrm>
            <a:off x="6789195" y="2150420"/>
            <a:ext cx="12469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11 DPF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5F0B1A0-1607-5421-1781-E873003BA7DC}"/>
              </a:ext>
            </a:extLst>
          </p:cNvPr>
          <p:cNvSpPr txBox="1"/>
          <p:nvPr/>
        </p:nvSpPr>
        <p:spPr>
          <a:xfrm>
            <a:off x="9547024" y="2164866"/>
            <a:ext cx="9026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15 DPF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E883A94E-652B-2636-504A-8B6EB54B46C0}"/>
              </a:ext>
            </a:extLst>
          </p:cNvPr>
          <p:cNvSpPr txBox="1"/>
          <p:nvPr/>
        </p:nvSpPr>
        <p:spPr>
          <a:xfrm>
            <a:off x="3455357" y="1790518"/>
            <a:ext cx="17159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b="1" dirty="0"/>
              <a:t>EKSPONERING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AAFDA07F-6B4F-5B4B-FFD6-B935BA8249EC}"/>
              </a:ext>
            </a:extLst>
          </p:cNvPr>
          <p:cNvSpPr txBox="1"/>
          <p:nvPr/>
        </p:nvSpPr>
        <p:spPr>
          <a:xfrm>
            <a:off x="8428286" y="1804503"/>
            <a:ext cx="13715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b="1" dirty="0"/>
              <a:t>RECOVERY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0FC01ED8-66CA-880F-0CB6-11F8079A315B}"/>
              </a:ext>
            </a:extLst>
          </p:cNvPr>
          <p:cNvPicPr/>
          <p:nvPr/>
        </p:nvPicPr>
        <p:blipFill rotWithShape="1">
          <a:blip r:embed="rId11" cstate="print">
            <a:extLst>
              <a:ext uri="{BEBA8EAE-BF5A-486C-A8C5-ECC9F3942E4B}">
                <a14:imgProps xmlns:a14="http://schemas.microsoft.com/office/drawing/2010/main">
                  <a14:imgLayer r:embed="rId12">
                    <a14:imgEffect>
                      <a14:sharpenSoften amount="25000"/>
                    </a14:imgEffect>
                    <a14:imgEffect>
                      <a14:brightnessContrast bright="2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3456" t="34211" r="10987" b="37500"/>
          <a:stretch/>
        </p:blipFill>
        <p:spPr bwMode="auto">
          <a:xfrm>
            <a:off x="3645793" y="5242503"/>
            <a:ext cx="5184147" cy="1348902"/>
          </a:xfrm>
          <a:prstGeom prst="rect">
            <a:avLst/>
          </a:prstGeom>
          <a:noFill/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FD8F96CD-2457-E6D5-8A70-50AFED6A823B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25412" y="4409369"/>
            <a:ext cx="2914750" cy="2182036"/>
          </a:xfrm>
          <a:prstGeom prst="rect">
            <a:avLst/>
          </a:prstGeom>
        </p:spPr>
      </p:pic>
      <p:sp>
        <p:nvSpPr>
          <p:cNvPr id="25" name="Rectangle 24">
            <a:extLst>
              <a:ext uri="{FF2B5EF4-FFF2-40B4-BE49-F238E27FC236}">
                <a16:creationId xmlns:a16="http://schemas.microsoft.com/office/drawing/2014/main" id="{C59DCB3A-12D9-ADA4-A5A7-7B35EDAF352A}"/>
              </a:ext>
            </a:extLst>
          </p:cNvPr>
          <p:cNvSpPr/>
          <p:nvPr/>
        </p:nvSpPr>
        <p:spPr>
          <a:xfrm>
            <a:off x="172709" y="2129750"/>
            <a:ext cx="2209653" cy="1748576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nb-NO" b="1" dirty="0" err="1">
              <a:solidFill>
                <a:schemeClr val="tx2"/>
              </a:solidFill>
            </a:endParaRPr>
          </a:p>
        </p:txBody>
      </p:sp>
      <p:pic>
        <p:nvPicPr>
          <p:cNvPr id="24" name="Picture 23" descr="A close-up of several cells&#10;&#10;Description automatically generated">
            <a:extLst>
              <a:ext uri="{FF2B5EF4-FFF2-40B4-BE49-F238E27FC236}">
                <a16:creationId xmlns:a16="http://schemas.microsoft.com/office/drawing/2014/main" id="{C3F4E064-FA88-B655-8C62-35A4A24CA247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ackgroundRemoval t="9979" b="91564" l="9992" r="89969">
                        <a14:foregroundMark x1="41049" y1="27263" x2="28974" y2="36163"/>
                        <a14:foregroundMark x1="28974" y1="36163" x2="24614" y2="43621"/>
                        <a14:foregroundMark x1="24614" y1="43621" x2="23071" y2="64763"/>
                        <a14:foregroundMark x1="23071" y1="64763" x2="30170" y2="80093"/>
                        <a14:foregroundMark x1="30170" y1="80093" x2="40509" y2="89249"/>
                        <a14:foregroundMark x1="40509" y1="89249" x2="55980" y2="86728"/>
                        <a14:foregroundMark x1="55980" y1="86728" x2="64892" y2="81121"/>
                        <a14:foregroundMark x1="64892" y1="81121" x2="71065" y2="59208"/>
                        <a14:foregroundMark x1="71065" y1="59208" x2="70602" y2="47479"/>
                        <a14:foregroundMark x1="70602" y1="47479" x2="67052" y2="38940"/>
                        <a14:foregroundMark x1="67052" y1="38940" x2="59915" y2="31739"/>
                        <a14:foregroundMark x1="59915" y1="31739" x2="51389" y2="27418"/>
                        <a14:foregroundMark x1="51389" y1="27418" x2="39776" y2="28035"/>
                        <a14:foregroundMark x1="23573" y1="49949" x2="23495" y2="68519"/>
                        <a14:foregroundMark x1="23495" y1="68519" x2="30440" y2="81944"/>
                        <a14:foregroundMark x1="30440" y1="81944" x2="40818" y2="89043"/>
                        <a14:foregroundMark x1="35995" y1="87346" x2="42168" y2="90844"/>
                        <a14:foregroundMark x1="42168" y1="90844" x2="50502" y2="91564"/>
                        <a14:foregroundMark x1="50502" y1="91564" x2="63889" y2="83899"/>
                        <a14:foregroundMark x1="63889" y1="83899" x2="67014" y2="78498"/>
                        <a14:foregroundMark x1="69329" y1="74486" x2="71721" y2="57150"/>
                        <a14:foregroundMark x1="71721" y1="57150" x2="70910" y2="48302"/>
                        <a14:foregroundMark x1="40818" y1="26543" x2="46566" y2="25926"/>
                        <a14:foregroundMark x1="46566" y1="25926" x2="52662" y2="27006"/>
                        <a14:foregroundMark x1="52662" y1="27006" x2="54012" y2="27726"/>
                        <a14:foregroundMark x1="24151" y1="69753" x2="26312" y2="75874"/>
                        <a14:backgroundMark x1="39545" y1="25463" x2="45177" y2="24023"/>
                        <a14:backgroundMark x1="45177" y1="24023" x2="52315" y2="25154"/>
                      </a14:backgroundRemoval>
                    </a14:imgEffect>
                    <a14:imgEffect>
                      <a14:sharpenSoften amount="50000"/>
                    </a14:imgEffect>
                    <a14:imgEffect>
                      <a14:brightnessContrast bright="40000" contrast="-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960" y="2065994"/>
            <a:ext cx="2465600" cy="1849200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50DDA99E-979C-EFC9-522A-5EF024793ED8}"/>
              </a:ext>
            </a:extLst>
          </p:cNvPr>
          <p:cNvSpPr txBox="1"/>
          <p:nvPr/>
        </p:nvSpPr>
        <p:spPr>
          <a:xfrm>
            <a:off x="974372" y="2150420"/>
            <a:ext cx="7600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1 DPF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A74EE5FC-E986-6F29-4432-0F428497B360}"/>
              </a:ext>
            </a:extLst>
          </p:cNvPr>
          <p:cNvSpPr txBox="1"/>
          <p:nvPr/>
        </p:nvSpPr>
        <p:spPr>
          <a:xfrm>
            <a:off x="2885742" y="2159850"/>
            <a:ext cx="7600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3 DPF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88DCFBD5-A0BC-3B14-AA59-D2BD7F96D471}"/>
              </a:ext>
            </a:extLst>
          </p:cNvPr>
          <p:cNvSpPr txBox="1"/>
          <p:nvPr/>
        </p:nvSpPr>
        <p:spPr>
          <a:xfrm>
            <a:off x="537370" y="1785021"/>
            <a:ext cx="17159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b="1" dirty="0"/>
              <a:t>BEFRUKTNING</a:t>
            </a:r>
          </a:p>
        </p:txBody>
      </p:sp>
    </p:spTree>
    <p:extLst>
      <p:ext uri="{BB962C8B-B14F-4D97-AF65-F5344CB8AC3E}">
        <p14:creationId xmlns:p14="http://schemas.microsoft.com/office/powerpoint/2010/main" val="2554781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8FED60-F11A-B957-1BAF-D8F68B283A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639109"/>
          </a:xfrm>
        </p:spPr>
        <p:txBody>
          <a:bodyPr/>
          <a:lstStyle/>
          <a:p>
            <a:r>
              <a:rPr lang="en-GB" dirty="0" err="1"/>
              <a:t>Giftighetstesting</a:t>
            </a:r>
            <a:r>
              <a:rPr lang="en-GB" dirty="0"/>
              <a:t> </a:t>
            </a:r>
            <a:r>
              <a:rPr lang="en-GB" dirty="0" err="1"/>
              <a:t>av</a:t>
            </a:r>
            <a:r>
              <a:rPr lang="en-GB" dirty="0"/>
              <a:t> maritime </a:t>
            </a:r>
            <a:r>
              <a:rPr lang="en-GB" dirty="0" err="1"/>
              <a:t>energibærere</a:t>
            </a:r>
            <a:endParaRPr lang="nb-NO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471AC98-52E6-D68D-3CD0-7186CCABBABB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5400000">
            <a:off x="435891" y="2410148"/>
            <a:ext cx="2282527" cy="1632104"/>
          </a:xfrm>
          <a:prstGeom prst="rect">
            <a:avLst/>
          </a:prstGeom>
          <a:noFill/>
          <a:ln>
            <a:noFill/>
          </a:ln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D170AA9-55DD-2376-0A70-EE0688AC276E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5400000">
            <a:off x="2265900" y="2410149"/>
            <a:ext cx="2282528" cy="1632104"/>
          </a:xfrm>
          <a:prstGeom prst="rect">
            <a:avLst/>
          </a:prstGeom>
          <a:noFill/>
          <a:ln>
            <a:noFill/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E3F8009-016E-41C6-9C4F-1B94B279853D}"/>
              </a:ext>
            </a:extLst>
          </p:cNvPr>
          <p:cNvPicPr/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5400000">
            <a:off x="4089270" y="2410969"/>
            <a:ext cx="2282526" cy="1630460"/>
          </a:xfrm>
          <a:prstGeom prst="rect">
            <a:avLst/>
          </a:prstGeom>
          <a:noFill/>
          <a:ln>
            <a:noFill/>
          </a:ln>
        </p:spPr>
      </p:pic>
      <p:sp>
        <p:nvSpPr>
          <p:cNvPr id="49" name="Text Placeholder 2">
            <a:extLst>
              <a:ext uri="{FF2B5EF4-FFF2-40B4-BE49-F238E27FC236}">
                <a16:creationId xmlns:a16="http://schemas.microsoft.com/office/drawing/2014/main" id="{D67E9DCC-CBF4-5E10-5C76-1C3432A18943}"/>
              </a:ext>
            </a:extLst>
          </p:cNvPr>
          <p:cNvSpPr txBox="1">
            <a:spLocks/>
          </p:cNvSpPr>
          <p:nvPr/>
        </p:nvSpPr>
        <p:spPr>
          <a:xfrm>
            <a:off x="501542" y="1701965"/>
            <a:ext cx="1891666" cy="4120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 panose="020B0604020202020204" pitchFamily="34" charset="0"/>
              <a:buNone/>
            </a:pPr>
            <a:r>
              <a:rPr lang="en-GB" b="1" dirty="0"/>
              <a:t>MGO1000</a:t>
            </a:r>
          </a:p>
        </p:txBody>
      </p:sp>
      <p:sp>
        <p:nvSpPr>
          <p:cNvPr id="50" name="Text Placeholder 2">
            <a:extLst>
              <a:ext uri="{FF2B5EF4-FFF2-40B4-BE49-F238E27FC236}">
                <a16:creationId xmlns:a16="http://schemas.microsoft.com/office/drawing/2014/main" id="{265F0E2C-719E-5196-2E21-657942F51612}"/>
              </a:ext>
            </a:extLst>
          </p:cNvPr>
          <p:cNvSpPr txBox="1">
            <a:spLocks/>
          </p:cNvSpPr>
          <p:nvPr/>
        </p:nvSpPr>
        <p:spPr>
          <a:xfrm>
            <a:off x="2512030" y="1701965"/>
            <a:ext cx="1889759" cy="4120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 panose="020B0604020202020204" pitchFamily="34" charset="0"/>
              <a:buNone/>
            </a:pPr>
            <a:r>
              <a:rPr lang="en-GB" b="1" dirty="0"/>
              <a:t>MGO500</a:t>
            </a:r>
          </a:p>
        </p:txBody>
      </p:sp>
      <p:sp>
        <p:nvSpPr>
          <p:cNvPr id="51" name="Text Placeholder 2">
            <a:extLst>
              <a:ext uri="{FF2B5EF4-FFF2-40B4-BE49-F238E27FC236}">
                <a16:creationId xmlns:a16="http://schemas.microsoft.com/office/drawing/2014/main" id="{1677685C-9B73-A52F-3EB2-676282852F3B}"/>
              </a:ext>
            </a:extLst>
          </p:cNvPr>
          <p:cNvSpPr txBox="1">
            <a:spLocks/>
          </p:cNvSpPr>
          <p:nvPr/>
        </p:nvSpPr>
        <p:spPr>
          <a:xfrm>
            <a:off x="4178147" y="1699076"/>
            <a:ext cx="1889759" cy="4120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 panose="020B0604020202020204" pitchFamily="34" charset="0"/>
              <a:buNone/>
            </a:pPr>
            <a:r>
              <a:rPr lang="en-GB" b="1" dirty="0"/>
              <a:t>IF180</a:t>
            </a:r>
          </a:p>
        </p:txBody>
      </p:sp>
      <p:sp>
        <p:nvSpPr>
          <p:cNvPr id="54" name="Text Placeholder 2">
            <a:extLst>
              <a:ext uri="{FF2B5EF4-FFF2-40B4-BE49-F238E27FC236}">
                <a16:creationId xmlns:a16="http://schemas.microsoft.com/office/drawing/2014/main" id="{7E0B1BE2-42CD-3036-81D8-0C2BE58EC7C0}"/>
              </a:ext>
            </a:extLst>
          </p:cNvPr>
          <p:cNvSpPr txBox="1">
            <a:spLocks/>
          </p:cNvSpPr>
          <p:nvPr/>
        </p:nvSpPr>
        <p:spPr>
          <a:xfrm>
            <a:off x="8409859" y="1295939"/>
            <a:ext cx="1889759" cy="4120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 panose="020B0604020202020204" pitchFamily="34" charset="0"/>
              <a:buNone/>
            </a:pPr>
            <a:r>
              <a:rPr lang="en-GB" b="1" dirty="0"/>
              <a:t>AMMONIAKK</a:t>
            </a:r>
          </a:p>
        </p:txBody>
      </p:sp>
      <p:graphicFrame>
        <p:nvGraphicFramePr>
          <p:cNvPr id="55" name="Content Placeholder 3">
            <a:extLst>
              <a:ext uri="{FF2B5EF4-FFF2-40B4-BE49-F238E27FC236}">
                <a16:creationId xmlns:a16="http://schemas.microsoft.com/office/drawing/2014/main" id="{0CAF621E-6556-E4DD-81E9-EB2E2295075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664525655"/>
              </p:ext>
            </p:extLst>
          </p:nvPr>
        </p:nvGraphicFramePr>
        <p:xfrm>
          <a:off x="284342" y="4539433"/>
          <a:ext cx="6236774" cy="1935123"/>
        </p:xfrm>
        <a:graphic>
          <a:graphicData uri="http://schemas.openxmlformats.org/drawingml/2006/table">
            <a:tbl>
              <a:tblPr firstRow="1" firstCol="1" bandRow="1">
                <a:tableStyleId>{5940675A-B579-460E-94D1-54222C63F5DA}</a:tableStyleId>
              </a:tblPr>
              <a:tblGrid>
                <a:gridCol w="1592584">
                  <a:extLst>
                    <a:ext uri="{9D8B030D-6E8A-4147-A177-3AD203B41FA5}">
                      <a16:colId xmlns:a16="http://schemas.microsoft.com/office/drawing/2014/main" val="2299129358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3565059045"/>
                    </a:ext>
                  </a:extLst>
                </a:gridCol>
                <a:gridCol w="1395663">
                  <a:extLst>
                    <a:ext uri="{9D8B030D-6E8A-4147-A177-3AD203B41FA5}">
                      <a16:colId xmlns:a16="http://schemas.microsoft.com/office/drawing/2014/main" val="4215382517"/>
                    </a:ext>
                  </a:extLst>
                </a:gridCol>
                <a:gridCol w="1876927">
                  <a:extLst>
                    <a:ext uri="{9D8B030D-6E8A-4147-A177-3AD203B41FA5}">
                      <a16:colId xmlns:a16="http://schemas.microsoft.com/office/drawing/2014/main" val="4078681413"/>
                    </a:ext>
                  </a:extLst>
                </a:gridCol>
              </a:tblGrid>
              <a:tr h="251434"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Fuel type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 dirty="0">
                          <a:effectLst/>
                        </a:rPr>
                        <a:t>Rotterdam diesel</a:t>
                      </a:r>
                      <a:endParaRPr lang="nb-NO" sz="17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 dirty="0">
                          <a:effectLst/>
                        </a:rPr>
                        <a:t>Marine gas oil</a:t>
                      </a:r>
                      <a:endParaRPr lang="nb-NO" sz="17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IFO 180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extLst>
                  <a:ext uri="{0D108BD9-81ED-4DB2-BD59-A6C34878D82A}">
                    <a16:rowId xmlns:a16="http://schemas.microsoft.com/office/drawing/2014/main" val="3962717065"/>
                  </a:ext>
                </a:extLst>
              </a:tr>
              <a:tr h="242198"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Sulphur content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 dirty="0">
                          <a:effectLst/>
                        </a:rPr>
                        <a:t>0,09 %</a:t>
                      </a:r>
                      <a:endParaRPr lang="nb-NO" sz="17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 dirty="0">
                          <a:effectLst/>
                        </a:rPr>
                        <a:t>0,05 %</a:t>
                      </a:r>
                      <a:endParaRPr lang="nb-NO" sz="17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 dirty="0">
                          <a:effectLst/>
                        </a:rPr>
                        <a:t>&lt;1%</a:t>
                      </a:r>
                      <a:endParaRPr lang="nb-NO" sz="17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extLst>
                  <a:ext uri="{0D108BD9-81ED-4DB2-BD59-A6C34878D82A}">
                    <a16:rowId xmlns:a16="http://schemas.microsoft.com/office/drawing/2014/main" val="2567769475"/>
                  </a:ext>
                </a:extLst>
              </a:tr>
              <a:tr h="219607"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Kilde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Shell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Esso Slagen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 dirty="0" err="1">
                          <a:effectLst/>
                        </a:rPr>
                        <a:t>Kystverket</a:t>
                      </a:r>
                      <a:r>
                        <a:rPr lang="en-GB" sz="1300" dirty="0">
                          <a:effectLst/>
                        </a:rPr>
                        <a:t> (Shell 2014)</a:t>
                      </a:r>
                      <a:endParaRPr lang="nb-NO" sz="17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extLst>
                  <a:ext uri="{0D108BD9-81ED-4DB2-BD59-A6C34878D82A}">
                    <a16:rowId xmlns:a16="http://schemas.microsoft.com/office/drawing/2014/main" val="3207867811"/>
                  </a:ext>
                </a:extLst>
              </a:tr>
              <a:tr h="242198"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Density (g/ml)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0,885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0,852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0,961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extLst>
                  <a:ext uri="{0D108BD9-81ED-4DB2-BD59-A6C34878D82A}">
                    <a16:rowId xmlns:a16="http://schemas.microsoft.com/office/drawing/2014/main" val="2954367146"/>
                  </a:ext>
                </a:extLst>
              </a:tr>
              <a:tr h="242198"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Flash point (°C)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62,5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 dirty="0">
                          <a:effectLst/>
                        </a:rPr>
                        <a:t>82,5</a:t>
                      </a:r>
                      <a:endParaRPr lang="nb-NO" sz="17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88,5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extLst>
                  <a:ext uri="{0D108BD9-81ED-4DB2-BD59-A6C34878D82A}">
                    <a16:rowId xmlns:a16="http://schemas.microsoft.com/office/drawing/2014/main" val="3244342303"/>
                  </a:ext>
                </a:extLst>
              </a:tr>
              <a:tr h="242198"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Pour point (°C)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&lt;-36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&lt;-36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18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extLst>
                  <a:ext uri="{0D108BD9-81ED-4DB2-BD59-A6C34878D82A}">
                    <a16:rowId xmlns:a16="http://schemas.microsoft.com/office/drawing/2014/main" val="1238535784"/>
                  </a:ext>
                </a:extLst>
              </a:tr>
              <a:tr h="253092"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 dirty="0">
                          <a:effectLst/>
                        </a:rPr>
                        <a:t>Asphaltenes (</a:t>
                      </a:r>
                      <a:r>
                        <a:rPr lang="en-GB" sz="1300" dirty="0" err="1">
                          <a:effectLst/>
                        </a:rPr>
                        <a:t>vekt</a:t>
                      </a:r>
                      <a:r>
                        <a:rPr lang="en-GB" sz="1300" dirty="0">
                          <a:effectLst/>
                        </a:rPr>
                        <a:t>%)</a:t>
                      </a:r>
                      <a:endParaRPr lang="nb-NO" sz="17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0,02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0,02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5-6%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extLst>
                  <a:ext uri="{0D108BD9-81ED-4DB2-BD59-A6C34878D82A}">
                    <a16:rowId xmlns:a16="http://schemas.microsoft.com/office/drawing/2014/main" val="617801661"/>
                  </a:ext>
                </a:extLst>
              </a:tr>
              <a:tr h="242198"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Wax (vekt%)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3,1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>
                          <a:effectLst/>
                        </a:rPr>
                        <a:t>0,81</a:t>
                      </a:r>
                      <a:endParaRPr lang="nb-NO" sz="17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tc>
                  <a:txBody>
                    <a:bodyPr/>
                    <a:lstStyle/>
                    <a:p>
                      <a:pPr algn="just">
                        <a:spcBef>
                          <a:spcPts val="100"/>
                        </a:spcBef>
                        <a:spcAft>
                          <a:spcPts val="4800"/>
                        </a:spcAft>
                        <a:tabLst>
                          <a:tab pos="180340" algn="l"/>
                        </a:tabLst>
                      </a:pPr>
                      <a:r>
                        <a:rPr lang="en-GB" sz="1300" dirty="0">
                          <a:effectLst/>
                        </a:rPr>
                        <a:t>4-5%</a:t>
                      </a:r>
                      <a:endParaRPr lang="nb-NO" sz="17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84487" marR="84487" marT="0" marB="0"/>
                </a:tc>
                <a:extLst>
                  <a:ext uri="{0D108BD9-81ED-4DB2-BD59-A6C34878D82A}">
                    <a16:rowId xmlns:a16="http://schemas.microsoft.com/office/drawing/2014/main" val="4262068677"/>
                  </a:ext>
                </a:extLst>
              </a:tr>
            </a:tbl>
          </a:graphicData>
        </a:graphic>
      </p:graphicFrame>
      <p:graphicFrame>
        <p:nvGraphicFramePr>
          <p:cNvPr id="56" name="Table 55">
            <a:extLst>
              <a:ext uri="{FF2B5EF4-FFF2-40B4-BE49-F238E27FC236}">
                <a16:creationId xmlns:a16="http://schemas.microsoft.com/office/drawing/2014/main" id="{93066E89-EA04-2896-0DE1-C184127028B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24459813"/>
              </p:ext>
            </p:extLst>
          </p:nvPr>
        </p:nvGraphicFramePr>
        <p:xfrm>
          <a:off x="7516726" y="4184746"/>
          <a:ext cx="4390932" cy="228981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138530">
                  <a:extLst>
                    <a:ext uri="{9D8B030D-6E8A-4147-A177-3AD203B41FA5}">
                      <a16:colId xmlns:a16="http://schemas.microsoft.com/office/drawing/2014/main" val="4155257499"/>
                    </a:ext>
                  </a:extLst>
                </a:gridCol>
                <a:gridCol w="926004">
                  <a:extLst>
                    <a:ext uri="{9D8B030D-6E8A-4147-A177-3AD203B41FA5}">
                      <a16:colId xmlns:a16="http://schemas.microsoft.com/office/drawing/2014/main" val="3105131440"/>
                    </a:ext>
                  </a:extLst>
                </a:gridCol>
                <a:gridCol w="1218228">
                  <a:extLst>
                    <a:ext uri="{9D8B030D-6E8A-4147-A177-3AD203B41FA5}">
                      <a16:colId xmlns:a16="http://schemas.microsoft.com/office/drawing/2014/main" val="2379567441"/>
                    </a:ext>
                  </a:extLst>
                </a:gridCol>
                <a:gridCol w="1108170">
                  <a:extLst>
                    <a:ext uri="{9D8B030D-6E8A-4147-A177-3AD203B41FA5}">
                      <a16:colId xmlns:a16="http://schemas.microsoft.com/office/drawing/2014/main" val="2982329620"/>
                    </a:ext>
                  </a:extLst>
                </a:gridCol>
              </a:tblGrid>
              <a:tr h="421694">
                <a:tc>
                  <a:txBody>
                    <a:bodyPr/>
                    <a:lstStyle/>
                    <a:p>
                      <a:pPr algn="ctr" fontAlgn="b"/>
                      <a:endParaRPr lang="nb-NO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 </a:t>
                      </a:r>
                      <a:r>
                        <a:rPr lang="nb-NO" sz="12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mmonia</a:t>
                      </a:r>
                      <a:endParaRPr lang="nb-NO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nb-NO" sz="1200" b="1" u="none" strike="noStrike" dirty="0">
                          <a:effectLst/>
                        </a:rPr>
                        <a:t>Beregnet </a:t>
                      </a:r>
                      <a:r>
                        <a:rPr lang="nb-NO" sz="1200" b="1" u="none" strike="noStrike" dirty="0" err="1">
                          <a:effectLst/>
                        </a:rPr>
                        <a:t>Uionisert</a:t>
                      </a:r>
                      <a:r>
                        <a:rPr lang="nb-NO" sz="1200" b="1" u="none" strike="noStrike" dirty="0">
                          <a:effectLst/>
                        </a:rPr>
                        <a:t> </a:t>
                      </a:r>
                      <a:r>
                        <a:rPr lang="nb-NO" sz="1200" b="1" u="none" strike="noStrike" dirty="0" err="1">
                          <a:effectLst/>
                        </a:rPr>
                        <a:t>Ammonia</a:t>
                      </a:r>
                      <a:r>
                        <a:rPr lang="nb-NO" sz="1200" b="1" u="none" strike="noStrike" dirty="0">
                          <a:effectLst/>
                        </a:rPr>
                        <a:t>, </a:t>
                      </a:r>
                      <a:endParaRPr lang="nb-NO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nb-NO" sz="1200" b="1" u="none" strike="noStrike" dirty="0">
                          <a:effectLst/>
                        </a:rPr>
                        <a:t>Beregnet Ionisert </a:t>
                      </a:r>
                      <a:r>
                        <a:rPr lang="nb-NO" sz="1200" b="1" u="none" strike="noStrike" dirty="0" err="1">
                          <a:effectLst/>
                        </a:rPr>
                        <a:t>Ammonia</a:t>
                      </a:r>
                      <a:r>
                        <a:rPr lang="nb-NO" sz="1200" b="1" u="none" strike="noStrike" dirty="0">
                          <a:effectLst/>
                        </a:rPr>
                        <a:t> </a:t>
                      </a:r>
                      <a:endParaRPr lang="nb-NO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287118845"/>
                  </a:ext>
                </a:extLst>
              </a:tr>
              <a:tr h="168545"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 dirty="0">
                          <a:effectLst/>
                        </a:rPr>
                        <a:t>Behandling</a:t>
                      </a:r>
                      <a:endParaRPr lang="nb-N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TA-N, mg/L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 dirty="0">
                          <a:effectLst/>
                        </a:rPr>
                        <a:t>mg/L NH3</a:t>
                      </a:r>
                      <a:endParaRPr lang="nb-N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 dirty="0">
                          <a:effectLst/>
                        </a:rPr>
                        <a:t>mg/L NH4</a:t>
                      </a:r>
                      <a:endParaRPr lang="nb-N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098597087"/>
                  </a:ext>
                </a:extLst>
              </a:tr>
              <a:tr h="168545"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 dirty="0">
                          <a:effectLst/>
                        </a:rPr>
                        <a:t>C1</a:t>
                      </a:r>
                      <a:endParaRPr lang="nb-N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224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1.642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222.4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940482636"/>
                  </a:ext>
                </a:extLst>
              </a:tr>
              <a:tr h="168545"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C2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112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1.105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110.9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105124511"/>
                  </a:ext>
                </a:extLst>
              </a:tr>
              <a:tr h="168545"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C3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56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0.679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55.3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989863410"/>
                  </a:ext>
                </a:extLst>
              </a:tr>
              <a:tr h="168545"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C4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28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0.380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27.6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648536790"/>
                  </a:ext>
                </a:extLst>
              </a:tr>
              <a:tr h="168545"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C5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14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0.204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13.8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27742659"/>
                  </a:ext>
                </a:extLst>
              </a:tr>
              <a:tr h="168545"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C6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7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0.104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6.9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346953092"/>
                  </a:ext>
                </a:extLst>
              </a:tr>
              <a:tr h="168545"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C7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4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0.052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>
                          <a:effectLst/>
                        </a:rPr>
                        <a:t>3.4</a:t>
                      </a:r>
                      <a:endParaRPr lang="nb-NO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813986337"/>
                  </a:ext>
                </a:extLst>
              </a:tr>
              <a:tr h="168545"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 dirty="0">
                          <a:effectLst/>
                        </a:rPr>
                        <a:t>C8</a:t>
                      </a:r>
                      <a:endParaRPr lang="nb-N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 dirty="0">
                          <a:effectLst/>
                        </a:rPr>
                        <a:t>2</a:t>
                      </a:r>
                      <a:endParaRPr lang="nb-N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 dirty="0">
                          <a:effectLst/>
                        </a:rPr>
                        <a:t>0.024</a:t>
                      </a:r>
                      <a:endParaRPr lang="nb-N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nb-NO" sz="1200" u="none" strike="noStrike" dirty="0">
                          <a:effectLst/>
                        </a:rPr>
                        <a:t>1.7</a:t>
                      </a:r>
                      <a:endParaRPr lang="nb-N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4054575969"/>
                  </a:ext>
                </a:extLst>
              </a:tr>
            </a:tbl>
          </a:graphicData>
        </a:graphic>
      </p:graphicFrame>
      <p:sp>
        <p:nvSpPr>
          <p:cNvPr id="57" name="TextBox 56">
            <a:extLst>
              <a:ext uri="{FF2B5EF4-FFF2-40B4-BE49-F238E27FC236}">
                <a16:creationId xmlns:a16="http://schemas.microsoft.com/office/drawing/2014/main" id="{4B32FEAC-7231-7A09-740A-7CD5A9A8A119}"/>
              </a:ext>
            </a:extLst>
          </p:cNvPr>
          <p:cNvSpPr txBox="1"/>
          <p:nvPr/>
        </p:nvSpPr>
        <p:spPr>
          <a:xfrm>
            <a:off x="7393837" y="2460441"/>
            <a:ext cx="4636709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dirty="0"/>
              <a:t>Løst ammoniumklorid i sjøvan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dirty="0"/>
              <a:t>8 konsentrasjon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dirty="0"/>
              <a:t>Målt total </a:t>
            </a:r>
            <a:r>
              <a:rPr lang="nb-NO" dirty="0" err="1"/>
              <a:t>ammonia</a:t>
            </a:r>
            <a:r>
              <a:rPr lang="nb-NO" dirty="0"/>
              <a:t> (TAN=NH</a:t>
            </a:r>
            <a:r>
              <a:rPr lang="nb-NO" baseline="-25000" dirty="0"/>
              <a:t>3</a:t>
            </a:r>
            <a:r>
              <a:rPr lang="nb-NO" dirty="0"/>
              <a:t> + NH</a:t>
            </a:r>
            <a:r>
              <a:rPr lang="nb-NO" baseline="-25000" dirty="0"/>
              <a:t>4</a:t>
            </a:r>
            <a:r>
              <a:rPr lang="nb-NO" baseline="30000" dirty="0"/>
              <a:t>+</a:t>
            </a:r>
            <a:r>
              <a:rPr lang="nb-NO" dirty="0"/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dirty="0"/>
              <a:t>Beregnet konsentrasjon av (NH</a:t>
            </a:r>
            <a:r>
              <a:rPr lang="nb-NO" baseline="-25000" dirty="0"/>
              <a:t>3</a:t>
            </a:r>
            <a:r>
              <a:rPr lang="nb-NO" dirty="0"/>
              <a:t>) ut fra TAN-målinger, temperatur, salinitet og pH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9" name="TextBox 58">
                <a:extLst>
                  <a:ext uri="{FF2B5EF4-FFF2-40B4-BE49-F238E27FC236}">
                    <a16:creationId xmlns:a16="http://schemas.microsoft.com/office/drawing/2014/main" id="{E5AA0C25-1EE0-9F4C-AC90-D0734AA1DFC3}"/>
                  </a:ext>
                </a:extLst>
              </p:cNvPr>
              <p:cNvSpPr txBox="1"/>
              <p:nvPr/>
            </p:nvSpPr>
            <p:spPr>
              <a:xfrm>
                <a:off x="7776133" y="1771515"/>
                <a:ext cx="3649509" cy="378565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nb-NO" i="1" smtClean="0">
                              <a:solidFill>
                                <a:srgbClr val="836967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nb-NO">
                              <a:latin typeface="Cambria Math" panose="02040503050406030204" pitchFamily="18" charset="0"/>
                            </a:rPr>
                            <m:t>N</m:t>
                          </m:r>
                          <m:r>
                            <m:rPr>
                              <m:sty m:val="p"/>
                            </m:rPr>
                            <a:rPr lang="nb-NO" i="0">
                              <a:latin typeface="Cambria Math" panose="02040503050406030204" pitchFamily="18" charset="0"/>
                            </a:rPr>
                            <m:t>H</m:t>
                          </m:r>
                        </m:e>
                        <m:sub>
                          <m:r>
                            <a:rPr lang="nb-NO" i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nb-NO" i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nb-NO" i="1">
                              <a:solidFill>
                                <a:srgbClr val="836967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nb-NO" i="0">
                              <a:latin typeface="Cambria Math" panose="02040503050406030204" pitchFamily="18" charset="0"/>
                            </a:rPr>
                            <m:t>H</m:t>
                          </m:r>
                        </m:e>
                        <m:sub>
                          <m:r>
                            <a:rPr lang="nb-NO" i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nb-NO" i="0">
                          <a:latin typeface="Cambria Math" panose="02040503050406030204" pitchFamily="18" charset="0"/>
                        </a:rPr>
                        <m:t>0 ⇋</m:t>
                      </m:r>
                      <m:sSubSup>
                        <m:sSubSupPr>
                          <m:ctrlPr>
                            <a:rPr lang="nb-NO" i="1">
                              <a:solidFill>
                                <a:srgbClr val="836967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nb-NO" i="0">
                              <a:latin typeface="Cambria Math" panose="02040503050406030204" pitchFamily="18" charset="0"/>
                            </a:rPr>
                            <m:t>NH</m:t>
                          </m:r>
                        </m:e>
                        <m:sub>
                          <m:r>
                            <a:rPr lang="nb-NO" i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  <m:sup>
                          <m:r>
                            <a:rPr lang="nb-NO" i="0">
                              <a:latin typeface="Cambria Math" panose="02040503050406030204" pitchFamily="18" charset="0"/>
                            </a:rPr>
                            <m:t>+</m:t>
                          </m:r>
                        </m:sup>
                      </m:sSubSup>
                      <m:r>
                        <a:rPr lang="nb-NO" i="0">
                          <a:latin typeface="Cambria Math" panose="02040503050406030204" pitchFamily="18" charset="0"/>
                        </a:rPr>
                        <m:t>+ </m:t>
                      </m:r>
                      <m:sSup>
                        <m:sSupPr>
                          <m:ctrlPr>
                            <a:rPr lang="nb-NO" i="1">
                              <a:solidFill>
                                <a:srgbClr val="836967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m:rPr>
                              <m:sty m:val="p"/>
                            </m:rPr>
                            <a:rPr lang="nb-NO" i="0">
                              <a:latin typeface="Cambria Math" panose="02040503050406030204" pitchFamily="18" charset="0"/>
                            </a:rPr>
                            <m:t>OH</m:t>
                          </m:r>
                        </m:e>
                        <m:sup>
                          <m:r>
                            <a:rPr lang="nb-NO" i="0">
                              <a:latin typeface="Cambria Math" panose="02040503050406030204" pitchFamily="18" charset="0"/>
                            </a:rPr>
                            <m:t>−</m:t>
                          </m:r>
                        </m:sup>
                      </m:sSup>
                    </m:oMath>
                  </m:oMathPara>
                </a14:m>
                <a:endParaRPr lang="nb-NO" dirty="0"/>
              </a:p>
            </p:txBody>
          </p:sp>
        </mc:Choice>
        <mc:Fallback xmlns="">
          <p:sp>
            <p:nvSpPr>
              <p:cNvPr id="59" name="TextBox 58">
                <a:extLst>
                  <a:ext uri="{FF2B5EF4-FFF2-40B4-BE49-F238E27FC236}">
                    <a16:creationId xmlns:a16="http://schemas.microsoft.com/office/drawing/2014/main" id="{E5AA0C25-1EE0-9F4C-AC90-D0734AA1DFC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776133" y="1771515"/>
                <a:ext cx="3649509" cy="378565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9840835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9" grpId="0"/>
      <p:bldP spid="50" grpId="0"/>
      <p:bldP spid="51" grpId="0"/>
      <p:bldP spid="54" grpId="0"/>
      <p:bldP spid="57" grpId="0"/>
      <p:bldP spid="59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8812D6-ED2D-CA4B-F428-D462E064C6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kutt giftighet – </a:t>
            </a:r>
            <a:r>
              <a:rPr lang="nb-NO" dirty="0" err="1"/>
              <a:t>petrogene</a:t>
            </a:r>
            <a:r>
              <a:rPr lang="nb-NO" dirty="0"/>
              <a:t> drivstoff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6151DC0-4FE1-A940-B5CE-54BC7D9B9343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7"/>
            <a:ext cx="9179895" cy="3889119"/>
          </a:xfrm>
        </p:spPr>
        <p:txBody>
          <a:bodyPr>
            <a:noAutofit/>
          </a:bodyPr>
          <a:lstStyle/>
          <a:p>
            <a:r>
              <a:rPr lang="nb-NO" sz="2800" dirty="0"/>
              <a:t>Testet WAF (1:1000) av tre marine drivstoff i fortynningsserier (100, 50, 25, 12, 6 og 3%)</a:t>
            </a:r>
          </a:p>
          <a:p>
            <a:r>
              <a:rPr lang="nb-NO" sz="2800" dirty="0"/>
              <a:t>Over 80 % overlevelse og klekkesuksess i alle behandlinger</a:t>
            </a:r>
          </a:p>
          <a:p>
            <a:r>
              <a:rPr lang="nb-NO" sz="2800" dirty="0"/>
              <a:t>Ikke mulig å etablere grenseverdier for overlevelse (LC</a:t>
            </a:r>
            <a:r>
              <a:rPr lang="nb-NO" sz="2800" baseline="-25000" dirty="0"/>
              <a:t>50</a:t>
            </a:r>
            <a:r>
              <a:rPr lang="nb-NO" sz="2800" dirty="0"/>
              <a:t>) for noen av de </a:t>
            </a:r>
            <a:r>
              <a:rPr lang="nb-NO" sz="2800" dirty="0" err="1"/>
              <a:t>petrogene</a:t>
            </a:r>
            <a:r>
              <a:rPr lang="nb-NO" sz="2800" dirty="0"/>
              <a:t> drivstoffene</a:t>
            </a:r>
          </a:p>
          <a:p>
            <a:r>
              <a:rPr lang="nb-NO" sz="2800" dirty="0"/>
              <a:t>For lav løselighet til å fremprovosere akutt dødelighet ila fire dagers eksponering</a:t>
            </a:r>
          </a:p>
          <a:p>
            <a:r>
              <a:rPr lang="nb-NO" sz="2800" dirty="0"/>
              <a:t>Tidlig klekking (stressklekking) observert</a:t>
            </a:r>
          </a:p>
        </p:txBody>
      </p:sp>
      <p:pic>
        <p:nvPicPr>
          <p:cNvPr id="6" name="Picture 5" descr="A tray of glass jars&#10;&#10;Description automatically generated">
            <a:extLst>
              <a:ext uri="{FF2B5EF4-FFF2-40B4-BE49-F238E27FC236}">
                <a16:creationId xmlns:a16="http://schemas.microsoft.com/office/drawing/2014/main" id="{BD8BDC85-B41E-8740-0FAD-656EAB4466C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0116493" y="296445"/>
            <a:ext cx="2371555" cy="1778666"/>
          </a:xfrm>
          <a:prstGeom prst="rect">
            <a:avLst/>
          </a:prstGeom>
        </p:spPr>
      </p:pic>
      <p:pic>
        <p:nvPicPr>
          <p:cNvPr id="7" name="Picture 6" descr="A glass jar with a label on it&#10;&#10;Description automatically generated">
            <a:extLst>
              <a:ext uri="{FF2B5EF4-FFF2-40B4-BE49-F238E27FC236}">
                <a16:creationId xmlns:a16="http://schemas.microsoft.com/office/drawing/2014/main" id="{DD1B5593-84AC-A939-56A3-D1810711E0A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0116492" y="2411335"/>
            <a:ext cx="2371555" cy="1778666"/>
          </a:xfrm>
          <a:prstGeom prst="rect">
            <a:avLst/>
          </a:prstGeom>
        </p:spPr>
      </p:pic>
      <p:pic>
        <p:nvPicPr>
          <p:cNvPr id="8" name="Picture 7" descr="A glass jar with liquid in it&#10;&#10;Description automatically generated">
            <a:extLst>
              <a:ext uri="{FF2B5EF4-FFF2-40B4-BE49-F238E27FC236}">
                <a16:creationId xmlns:a16="http://schemas.microsoft.com/office/drawing/2014/main" id="{40EB0E2F-22DD-5AF7-1833-E9442FC102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0116889" y="4782890"/>
            <a:ext cx="2371555" cy="1778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80947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06735D7-46B8-27B1-AFB8-19CE0038C2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Forsinket giftighet – </a:t>
            </a:r>
            <a:r>
              <a:rPr lang="nb-NO" dirty="0" err="1"/>
              <a:t>petrogene</a:t>
            </a:r>
            <a:r>
              <a:rPr lang="nb-NO" dirty="0"/>
              <a:t> drivstoff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3902C9-1B53-65C6-AA0C-09F729C28957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46159" y="1966836"/>
            <a:ext cx="4992906" cy="87261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b="1" dirty="0">
                <a:solidFill>
                  <a:srgbClr val="FF0000"/>
                </a:solidFill>
              </a:rPr>
              <a:t>Larver eksponert for </a:t>
            </a:r>
            <a:r>
              <a:rPr lang="nb-NO" b="1" dirty="0" err="1">
                <a:solidFill>
                  <a:srgbClr val="FF0000"/>
                </a:solidFill>
              </a:rPr>
              <a:t>petrogene</a:t>
            </a:r>
            <a:r>
              <a:rPr lang="nb-NO" b="1" dirty="0">
                <a:solidFill>
                  <a:srgbClr val="FF0000"/>
                </a:solidFill>
              </a:rPr>
              <a:t> drivstoff hadde alvorlige deformiteter</a:t>
            </a:r>
          </a:p>
        </p:txBody>
      </p:sp>
      <p:pic>
        <p:nvPicPr>
          <p:cNvPr id="4" name="Content Placeholder 4">
            <a:extLst>
              <a:ext uri="{FF2B5EF4-FFF2-40B4-BE49-F238E27FC236}">
                <a16:creationId xmlns:a16="http://schemas.microsoft.com/office/drawing/2014/main" id="{9450131D-9E96-4794-9281-E0C2D6DE842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28486" y="1666047"/>
            <a:ext cx="5337810" cy="4965883"/>
          </a:xfrm>
          <a:prstGeom prst="rect">
            <a:avLst/>
          </a:prstGeom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E5885C66-F420-0D7B-B07C-101E920254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0610" y="2983831"/>
            <a:ext cx="5870296" cy="35182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1672969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289D3B-E8C1-51B9-9FED-F197A7C955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Forsinket giftighet – </a:t>
            </a:r>
            <a:r>
              <a:rPr lang="nb-NO" dirty="0" err="1"/>
              <a:t>petrogene</a:t>
            </a:r>
            <a:r>
              <a:rPr lang="nb-NO" dirty="0"/>
              <a:t> drivstoff</a:t>
            </a:r>
          </a:p>
        </p:txBody>
      </p:sp>
      <p:pic>
        <p:nvPicPr>
          <p:cNvPr id="4" name="Content Placeholder 4">
            <a:extLst>
              <a:ext uri="{FF2B5EF4-FFF2-40B4-BE49-F238E27FC236}">
                <a16:creationId xmlns:a16="http://schemas.microsoft.com/office/drawing/2014/main" id="{E43EE560-FF09-4955-A99E-33FF4B535D5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4895" y="3429000"/>
            <a:ext cx="6886389" cy="233879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0659260-1F65-4DFF-A88E-E462E8254DC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52401" y="1431133"/>
            <a:ext cx="3476738" cy="260275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C7D79F3-42CE-4058-83F5-B969563776B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52402" y="4220049"/>
            <a:ext cx="3458215" cy="2444152"/>
          </a:xfrm>
          <a:prstGeom prst="rect">
            <a:avLst/>
          </a:prstGeom>
        </p:spPr>
      </p:pic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36E071DE-14B1-B16D-C369-BC144366F51F}"/>
              </a:ext>
            </a:extLst>
          </p:cNvPr>
          <p:cNvSpPr txBox="1">
            <a:spLocks/>
          </p:cNvSpPr>
          <p:nvPr/>
        </p:nvSpPr>
        <p:spPr>
          <a:xfrm>
            <a:off x="793920" y="2322095"/>
            <a:ext cx="6148301" cy="78438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4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1pPr>
            <a:lvl2pPr marL="5715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8572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3pPr>
            <a:lvl4pPr marL="114300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14287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nb-NO" b="1" dirty="0">
                <a:solidFill>
                  <a:srgbClr val="FF0000"/>
                </a:solidFill>
              </a:rPr>
              <a:t>Larver eksponert for </a:t>
            </a:r>
            <a:r>
              <a:rPr lang="nb-NO" b="1" dirty="0" err="1">
                <a:solidFill>
                  <a:srgbClr val="FF0000"/>
                </a:solidFill>
              </a:rPr>
              <a:t>petrogene</a:t>
            </a:r>
            <a:r>
              <a:rPr lang="nb-NO" b="1" dirty="0">
                <a:solidFill>
                  <a:srgbClr val="FF0000"/>
                </a:solidFill>
              </a:rPr>
              <a:t> drivstoff hadde alvorlige hjerteskader</a:t>
            </a:r>
          </a:p>
        </p:txBody>
      </p:sp>
    </p:spTree>
    <p:extLst>
      <p:ext uri="{BB962C8B-B14F-4D97-AF65-F5344CB8AC3E}">
        <p14:creationId xmlns:p14="http://schemas.microsoft.com/office/powerpoint/2010/main" val="154804118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>
            <a:extLst>
              <a:ext uri="{FF2B5EF4-FFF2-40B4-BE49-F238E27FC236}">
                <a16:creationId xmlns:a16="http://schemas.microsoft.com/office/drawing/2014/main" id="{B7120C09-64BA-905A-10FA-EEDBC8C846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</p:spPr>
        <p:txBody>
          <a:bodyPr anchor="b">
            <a:normAutofit/>
          </a:bodyPr>
          <a:lstStyle/>
          <a:p>
            <a:r>
              <a:rPr lang="en-US" dirty="0"/>
              <a:t>PNEC for </a:t>
            </a:r>
            <a:r>
              <a:rPr lang="en-US" dirty="0" err="1"/>
              <a:t>petrogene</a:t>
            </a:r>
            <a:r>
              <a:rPr lang="en-US" dirty="0"/>
              <a:t> </a:t>
            </a:r>
            <a:r>
              <a:rPr lang="en-US" dirty="0" err="1"/>
              <a:t>drivstoff</a:t>
            </a:r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1C852C0-BD77-AE64-620E-BFAC02D67BE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8789" y="2835930"/>
            <a:ext cx="6167842" cy="2852627"/>
          </a:xfrm>
          <a:prstGeom prst="rect">
            <a:avLst/>
          </a:prstGeom>
          <a:noFill/>
        </p:spPr>
      </p:pic>
      <p:pic>
        <p:nvPicPr>
          <p:cNvPr id="7" name="Picture 6" descr="A lizard on a white surface&#10;&#10;Description automatically generated with low confidence">
            <a:extLst>
              <a:ext uri="{FF2B5EF4-FFF2-40B4-BE49-F238E27FC236}">
                <a16:creationId xmlns:a16="http://schemas.microsoft.com/office/drawing/2014/main" id="{2C90D650-719E-119B-3C6E-451F16B2F753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9759" b="89803" l="1974" r="94572">
                        <a14:foregroundMark x1="23602" y1="47149" x2="1974" y2="46491"/>
                        <a14:foregroundMark x1="1974" y1="46491" x2="17516" y2="52083"/>
                        <a14:foregroundMark x1="17516" y1="52083" x2="26234" y2="52193"/>
                        <a14:foregroundMark x1="89063" y1="43311" x2="92928" y2="48026"/>
                        <a14:foregroundMark x1="92928" y1="48026" x2="95230" y2="54605"/>
                        <a14:foregroundMark x1="95230" y1="54605" x2="91776" y2="59868"/>
                        <a14:foregroundMark x1="91776" y1="59868" x2="85938" y2="58553"/>
                        <a14:foregroundMark x1="94572" y1="52522" x2="94490" y2="57456"/>
                      </a14:backgroundRemoval>
                    </a14:imgEffect>
                    <a14:imgEffect>
                      <a14:brightnessContrast bright="20000"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34836" b="32994"/>
          <a:stretch/>
        </p:blipFill>
        <p:spPr>
          <a:xfrm>
            <a:off x="7776303" y="4762226"/>
            <a:ext cx="3839343" cy="926331"/>
          </a:xfrm>
          <a:prstGeom prst="rect">
            <a:avLst/>
          </a:prstGeom>
        </p:spPr>
      </p:pic>
      <p:pic>
        <p:nvPicPr>
          <p:cNvPr id="8" name="Picture 7" descr="A picture containing indoor, different, porcelain&#10;&#10;Description automatically generated">
            <a:extLst>
              <a:ext uri="{FF2B5EF4-FFF2-40B4-BE49-F238E27FC236}">
                <a16:creationId xmlns:a16="http://schemas.microsoft.com/office/drawing/2014/main" id="{63323CCF-EA24-D994-202F-6B6468CA7B27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25110" b="73684" l="10033" r="45477">
                        <a14:foregroundMark x1="33059" y1="71601" x2="38240" y2="68092"/>
                        <a14:foregroundMark x1="38240" y1="68092" x2="42188" y2="63158"/>
                        <a14:foregroundMark x1="42188" y1="63158" x2="45559" y2="50548"/>
                        <a14:foregroundMark x1="45559" y1="50548" x2="45641" y2="43969"/>
                        <a14:foregroundMark x1="45641" y1="43969" x2="43668" y2="37281"/>
                        <a14:foregroundMark x1="43668" y1="37281" x2="40296" y2="32456"/>
                        <a14:foregroundMark x1="40296" y1="32456" x2="39063" y2="33553"/>
                        <a14:foregroundMark x1="24013" y1="72149" x2="18257" y2="69408"/>
                        <a14:foregroundMark x1="18257" y1="69408" x2="12911" y2="61842"/>
                        <a14:foregroundMark x1="12911" y1="61842" x2="10938" y2="45943"/>
                        <a14:foregroundMark x1="10938" y1="45943" x2="11595" y2="40461"/>
                        <a14:foregroundMark x1="11595" y1="40461" x2="13240" y2="35855"/>
                        <a14:foregroundMark x1="13240" y1="35855" x2="18832" y2="28509"/>
                        <a14:foregroundMark x1="18832" y1="28509" x2="22122" y2="26316"/>
                        <a14:foregroundMark x1="22122" y1="26316" x2="31168" y2="25219"/>
                        <a14:foregroundMark x1="31168" y1="25219" x2="39145" y2="29276"/>
                        <a14:foregroundMark x1="39145" y1="29276" x2="41694" y2="32895"/>
                        <a14:foregroundMark x1="41694" y1="32895" x2="41859" y2="33443"/>
                        <a14:foregroundMark x1="22780" y1="73465" x2="32072" y2="73684"/>
                        <a14:foregroundMark x1="32072" y1="73684" x2="36431" y2="71382"/>
                        <a14:foregroundMark x1="37171" y1="44298" x2="29688" y2="49781"/>
                        <a14:foregroundMark x1="29688" y1="49781" x2="26151" y2="59649"/>
                        <a14:foregroundMark x1="26151" y1="59649" x2="34293" y2="58224"/>
                        <a14:foregroundMark x1="34293" y1="58224" x2="35691" y2="50768"/>
                        <a14:foregroundMark x1="35691" y1="50768" x2="34951" y2="46053"/>
                        <a14:foregroundMark x1="34951" y1="46053" x2="34704" y2="46053"/>
                        <a14:foregroundMark x1="27714" y1="40570" x2="22944" y2="46272"/>
                        <a14:foregroundMark x1="22944" y1="46272" x2="30510" y2="40351"/>
                        <a14:foregroundMark x1="30510" y1="40351" x2="27138" y2="40570"/>
                        <a14:foregroundMark x1="19572" y1="43311" x2="30510" y2="58114"/>
                        <a14:foregroundMark x1="30510" y1="58114" x2="31250" y2="65022"/>
                        <a14:foregroundMark x1="31250" y1="65022" x2="27796" y2="69956"/>
                        <a14:foregroundMark x1="27796" y1="69956" x2="20641" y2="67434"/>
                        <a14:foregroundMark x1="20641" y1="67434" x2="15461" y2="57785"/>
                        <a14:foregroundMark x1="15461" y1="57785" x2="14638" y2="48684"/>
                        <a14:foregroundMark x1="14638" y1="48684" x2="18421" y2="43531"/>
                        <a14:foregroundMark x1="18421" y1="43531" x2="22122" y2="43202"/>
                        <a14:foregroundMark x1="22122" y1="43202" x2="22862" y2="43202"/>
                      </a14:backgroundRemoval>
                    </a14:imgEffect>
                    <a14:imgEffect>
                      <a14:brightnessContrast bright="2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5738" t="20962" r="51084" b="23305"/>
          <a:stretch/>
        </p:blipFill>
        <p:spPr>
          <a:xfrm>
            <a:off x="8109284" y="3248527"/>
            <a:ext cx="1586691" cy="1536006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68BFCFB8-CC54-FDD6-5599-9D2110C6AA48}"/>
              </a:ext>
            </a:extLst>
          </p:cNvPr>
          <p:cNvSpPr txBox="1"/>
          <p:nvPr/>
        </p:nvSpPr>
        <p:spPr>
          <a:xfrm>
            <a:off x="2859797" y="6277981"/>
            <a:ext cx="6167842" cy="400110"/>
          </a:xfrm>
          <a:prstGeom prst="rect">
            <a:avLst/>
          </a:prstGeom>
          <a:solidFill>
            <a:srgbClr val="FFC000"/>
          </a:solidFill>
        </p:spPr>
        <p:txBody>
          <a:bodyPr wrap="none" rtlCol="0">
            <a:spAutoFit/>
          </a:bodyPr>
          <a:lstStyle/>
          <a:p>
            <a:r>
              <a:rPr lang="nb-NO" sz="2000" b="1" dirty="0" err="1"/>
              <a:t>Predicted</a:t>
            </a:r>
            <a:r>
              <a:rPr lang="nb-NO" sz="2000" b="1" dirty="0"/>
              <a:t> No </a:t>
            </a:r>
            <a:r>
              <a:rPr lang="nb-NO" sz="2000" b="1" dirty="0" err="1"/>
              <a:t>Effect</a:t>
            </a:r>
            <a:r>
              <a:rPr lang="nb-NO" sz="2000" b="1" dirty="0"/>
              <a:t> </a:t>
            </a:r>
            <a:r>
              <a:rPr lang="nb-NO" sz="2000" b="1" dirty="0" err="1"/>
              <a:t>Concentrations</a:t>
            </a:r>
            <a:r>
              <a:rPr lang="nb-NO" sz="2000" b="1" dirty="0"/>
              <a:t> (PNEC): 0.1 µg PAH/L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FA901D5-BCBD-8ACE-87EA-044AFDC7E113}"/>
              </a:ext>
            </a:extLst>
          </p:cNvPr>
          <p:cNvSpPr txBox="1"/>
          <p:nvPr/>
        </p:nvSpPr>
        <p:spPr>
          <a:xfrm>
            <a:off x="613728" y="1923303"/>
            <a:ext cx="1065997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2400" dirty="0"/>
              <a:t>Larvedeformiteter og hjerteskader er gode indikatorer for langtidseffekter på vekst, utvikling og overlevelse</a:t>
            </a:r>
          </a:p>
        </p:txBody>
      </p:sp>
    </p:spTree>
    <p:extLst>
      <p:ext uri="{BB962C8B-B14F-4D97-AF65-F5344CB8AC3E}">
        <p14:creationId xmlns:p14="http://schemas.microsoft.com/office/powerpoint/2010/main" val="211778893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8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2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3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CD4B1333-B23E-4CA5-A2CB-431C5232346F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D982FC97A4EB864EBF6B6ADD443A67CC" ma:contentTypeVersion="14" ma:contentTypeDescription="Opprett et nytt dokument." ma:contentTypeScope="" ma:versionID="a59811bd92298090e6a76c55d4651efa">
  <xsd:schema xmlns:xsd="http://www.w3.org/2001/XMLSchema" xmlns:xs="http://www.w3.org/2001/XMLSchema" xmlns:p="http://schemas.microsoft.com/office/2006/metadata/properties" xmlns:ns2="3b00a67f-9791-437e-b702-303a706ea042" xmlns:ns3="7dc3d6ed-56f1-49b6-b310-0ff680cfe62a" targetNamespace="http://schemas.microsoft.com/office/2006/metadata/properties" ma:root="true" ma:fieldsID="4c3e1f195df9422cebd772257e8ef87d" ns2:_="" ns3:_="">
    <xsd:import namespace="3b00a67f-9791-437e-b702-303a706ea042"/>
    <xsd:import namespace="7dc3d6ed-56f1-49b6-b310-0ff680cfe62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OCR" minOccurs="0"/>
                <xsd:element ref="ns2:MediaServiceAutoKeyPoints" minOccurs="0"/>
                <xsd:element ref="ns2:MediaServiceKeyPoints" minOccurs="0"/>
                <xsd:element ref="ns2:MediaServiceLocation" minOccurs="0"/>
                <xsd:element ref="ns2:MediaLengthInSeconds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b00a67f-9791-437e-b702-303a706ea04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GenerationTime" ma:index="11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18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0" nillable="true" ma:taxonomy="true" ma:internalName="lcf76f155ced4ddcb4097134ff3c332f" ma:taxonomyFieldName="MediaServiceImageTags" ma:displayName="Bildemerkelapper" ma:readOnly="false" ma:fieldId="{5cf76f15-5ced-4ddc-b409-7134ff3c332f}" ma:taxonomyMulti="true" ma:sspId="378a55df-a9cd-4882-8adc-9ae50d80558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dc3d6ed-56f1-49b6-b310-0ff680cfe62a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a9d73458-8fb0-4777-9551-357d96ad6676}" ma:internalName="TaxCatchAll" ma:showField="CatchAllData" ma:web="7dc3d6ed-56f1-49b6-b310-0ff680cfe62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TemplafyFormConfiguration><![CDATA[{"formFields":[],"formDataEntries":[]}]]></TemplafyFormConfiguration>
</file>

<file path=customXml/item3.xml><?xml version="1.0" encoding="utf-8"?>
<TemplafyTemplateConfiguration><![CDATA[{"elementsMetadata":[],"transformationConfigurations":[],"templateName":"SINTEF-Blank presentation_ny","templateDescription":"","enableDocumentContentUpdater":false,"version":"2.0"}]]></TemplafyTemplateConfiguration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3b00a67f-9791-437e-b702-303a706ea042">
      <Terms xmlns="http://schemas.microsoft.com/office/infopath/2007/PartnerControls"/>
    </lcf76f155ced4ddcb4097134ff3c332f>
    <TaxCatchAll xmlns="7dc3d6ed-56f1-49b6-b310-0ff680cfe62a" xsi:nil="true"/>
  </documentManagement>
</p:properties>
</file>

<file path=customXml/item5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6.xml><?xml version="1.0" encoding="utf-8"?>
<TemplafySlideTemplateConfiguration><![CDATA[{"slideVersion":1,"isValidatorEnabled":false,"isLocked":false,"elementsMetadata":[],"slideId":"985970817235681280","enableDocumentContentUpdater":false,"version":"2.0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1,"isValidatorEnabled":false,"isLocked":false,"elementsMetadata":[],"slideId":"985970817235681282","enableDocumentContentUpdater":false,"version":"2.0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FBA790FB-3B41-4151-9EE2-2964B98772D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3b00a67f-9791-437e-b702-303a706ea042"/>
    <ds:schemaRef ds:uri="7dc3d6ed-56f1-49b6-b310-0ff680cfe62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F93A1B71-5DC4-4710-B00E-6E92F3789DBC}">
  <ds:schemaRefs/>
</ds:datastoreItem>
</file>

<file path=customXml/itemProps3.xml><?xml version="1.0" encoding="utf-8"?>
<ds:datastoreItem xmlns:ds="http://schemas.openxmlformats.org/officeDocument/2006/customXml" ds:itemID="{ED157753-ACFF-4675-9E4E-9936A4DA2CD6}">
  <ds:schemaRefs/>
</ds:datastoreItem>
</file>

<file path=customXml/itemProps4.xml><?xml version="1.0" encoding="utf-8"?>
<ds:datastoreItem xmlns:ds="http://schemas.openxmlformats.org/officeDocument/2006/customXml" ds:itemID="{0645A9D7-53BF-4F8A-B6A3-75E888763AAB}">
  <ds:schemaRefs>
    <ds:schemaRef ds:uri="http://purl.org/dc/terms/"/>
    <ds:schemaRef ds:uri="3b00a67f-9791-437e-b702-303a706ea042"/>
    <ds:schemaRef ds:uri="http://purl.org/dc/elements/1.1/"/>
    <ds:schemaRef ds:uri="http://schemas.openxmlformats.org/package/2006/metadata/core-properties"/>
    <ds:schemaRef ds:uri="http://schemas.microsoft.com/office/infopath/2007/PartnerControls"/>
    <ds:schemaRef ds:uri="http://www.w3.org/XML/1998/namespace"/>
    <ds:schemaRef ds:uri="http://schemas.microsoft.com/office/2006/metadata/properties"/>
    <ds:schemaRef ds:uri="http://schemas.microsoft.com/office/2006/documentManagement/types"/>
    <ds:schemaRef ds:uri="http://purl.org/dc/dcmitype/"/>
    <ds:schemaRef ds:uri="7dc3d6ed-56f1-49b6-b310-0ff680cfe62a"/>
  </ds:schemaRefs>
</ds:datastoreItem>
</file>

<file path=customXml/itemProps5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6.xml><?xml version="1.0" encoding="utf-8"?>
<ds:datastoreItem xmlns:ds="http://schemas.openxmlformats.org/officeDocument/2006/customXml" ds:itemID="{3F01EEE5-C6AD-40DD-94B6-A347AE6DACB9}">
  <ds:schemaRefs/>
</ds:datastoreItem>
</file>

<file path=customXml/itemProps7.xml><?xml version="1.0" encoding="utf-8"?>
<ds:datastoreItem xmlns:ds="http://schemas.openxmlformats.org/officeDocument/2006/customXml" ds:itemID="{E99FEFDB-E63C-4C2D-817A-D356FA1F8012}">
  <ds:schemaRefs/>
</ds:datastoreItem>
</file>

<file path=customXml/itemProps8.xml><?xml version="1.0" encoding="utf-8"?>
<ds:datastoreItem xmlns:ds="http://schemas.openxmlformats.org/officeDocument/2006/customXml" ds:itemID="{A1882F07-8BE6-46CD-A9FD-DEFC7EA4307E}">
  <ds:schemaRefs/>
</ds:datastoreItem>
</file>

<file path=customXml/itemProps9.xml><?xml version="1.0" encoding="utf-8"?>
<ds:datastoreItem xmlns:ds="http://schemas.openxmlformats.org/officeDocument/2006/customXml" ds:itemID="{45A45076-0683-40BF-926B-18D6E0B298D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intef mal</Template>
  <TotalTime>10968</TotalTime>
  <Words>1449</Words>
  <Application>Microsoft Office PowerPoint</Application>
  <PresentationFormat>Widescreen</PresentationFormat>
  <Paragraphs>279</Paragraphs>
  <Slides>21</Slides>
  <Notes>12</Notes>
  <HiddenSlides>0</HiddenSlides>
  <MMClips>4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1</vt:i4>
      </vt:variant>
    </vt:vector>
  </HeadingPairs>
  <TitlesOfParts>
    <vt:vector size="32" baseType="lpstr">
      <vt:lpstr>Arial</vt:lpstr>
      <vt:lpstr>Calibri</vt:lpstr>
      <vt:lpstr>Calibri Light</vt:lpstr>
      <vt:lpstr>Cambria Math</vt:lpstr>
      <vt:lpstr>Courier New</vt:lpstr>
      <vt:lpstr>Symbol</vt:lpstr>
      <vt:lpstr>Times New Roman</vt:lpstr>
      <vt:lpstr>Wingdings</vt:lpstr>
      <vt:lpstr>Uten bunnlinje</vt:lpstr>
      <vt:lpstr>Uten bunnline (Blå)</vt:lpstr>
      <vt:lpstr>Kapitteldeler</vt:lpstr>
      <vt:lpstr>Effekter av ammoniakkutslipp på pelagisk marint miljø </vt:lpstr>
      <vt:lpstr>Introduksjon</vt:lpstr>
      <vt:lpstr>Hvorfor tidlige livsstadier hos fisk?</vt:lpstr>
      <vt:lpstr>Giftighetstest for torsk utviklet hos SINTEF</vt:lpstr>
      <vt:lpstr>Giftighetstesting av maritime energibærere</vt:lpstr>
      <vt:lpstr>Akutt giftighet – petrogene drivstoff</vt:lpstr>
      <vt:lpstr>Forsinket giftighet – petrogene drivstoff</vt:lpstr>
      <vt:lpstr>Forsinket giftighet – petrogene drivstoff</vt:lpstr>
      <vt:lpstr>PNEC for petrogene drivstoff</vt:lpstr>
      <vt:lpstr>Ammoniakk – akutt og forsinket giftighet</vt:lpstr>
      <vt:lpstr>Species Sensitivity Distribution og PNEC for ammoniakk</vt:lpstr>
      <vt:lpstr>Hva betyr dette i forbindelse med uhellsutslipp?</vt:lpstr>
      <vt:lpstr>Utslippsscenario - modellering</vt:lpstr>
      <vt:lpstr>Spredning ved akutt utslipp</vt:lpstr>
      <vt:lpstr>Skjebne og risiko for skader på gyteprodukter</vt:lpstr>
      <vt:lpstr>Vannvolum hvor PEC/PNEC &gt; 1</vt:lpstr>
      <vt:lpstr>Konklusjoner</vt:lpstr>
      <vt:lpstr>Forbedringer - kunnskapshull</vt:lpstr>
      <vt:lpstr>TUSEN TAKK FOR OPPMERKSOMHETEN!</vt:lpstr>
      <vt:lpstr>INSERT-SYSTEMET MULIGGJØR IN SITU STUDIER 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Trude Eikebrokk</dc:creator>
  <cp:lastModifiedBy>Bjørn Henrik Hansen</cp:lastModifiedBy>
  <cp:revision>70</cp:revision>
  <dcterms:created xsi:type="dcterms:W3CDTF">2024-08-26T13:11:02Z</dcterms:created>
  <dcterms:modified xsi:type="dcterms:W3CDTF">2024-09-02T10:52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982FC97A4EB864EBF6B6ADD443A67CC</vt:lpwstr>
  </property>
  <property fmtid="{D5CDD505-2E9C-101B-9397-08002B2CF9AE}" pid="3" name="MediaServiceImageTags">
    <vt:lpwstr/>
  </property>
  <property fmtid="{D5CDD505-2E9C-101B-9397-08002B2CF9AE}" pid="4" name="TemplafyTimeStamp">
    <vt:lpwstr>2024-08-21T11:55:10</vt:lpwstr>
  </property>
  <property fmtid="{D5CDD505-2E9C-101B-9397-08002B2CF9AE}" pid="5" name="TemplafyTenantId">
    <vt:lpwstr>sintef</vt:lpwstr>
  </property>
  <property fmtid="{D5CDD505-2E9C-101B-9397-08002B2CF9AE}" pid="6" name="TemplafyTemplateId">
    <vt:lpwstr>985970809475432682</vt:lpwstr>
  </property>
  <property fmtid="{D5CDD505-2E9C-101B-9397-08002B2CF9AE}" pid="7" name="TemplafyUserProfileId">
    <vt:lpwstr>638222358520213089</vt:lpwstr>
  </property>
  <property fmtid="{D5CDD505-2E9C-101B-9397-08002B2CF9AE}" pid="8" name="TemplafyLanguageCode">
    <vt:lpwstr>en-US</vt:lpwstr>
  </property>
  <property fmtid="{D5CDD505-2E9C-101B-9397-08002B2CF9AE}" pid="9" name="TemplafyFromBlank">
    <vt:bool>true</vt:bool>
  </property>
</Properties>
</file>